
<file path=[Content_Types].xml><?xml version="1.0" encoding="utf-8"?>
<Types xmlns="http://schemas.openxmlformats.org/package/2006/content-types">
  <Default Extension="xml" ContentType="application/xml"/>
  <Default Extension="jpeg" ContentType="image/jpeg"/>
  <Default Extension="png" ContentType="image/png"/>
  <Default Extension="jpg" ContentType="image/jpeg"/>
  <Default Extension="rels" ContentType="application/vnd.openxmlformats-package.relationships+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tags/tag4.xml" ContentType="application/vnd.openxmlformats-officedocument.presentationml.tags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tags/tag5.xml" ContentType="application/vnd.openxmlformats-officedocument.presentationml.tags+xml"/>
  <Override PartName="/ppt/notesSlides/notesSlide5.xml" ContentType="application/vnd.openxmlformats-officedocument.presentationml.notesSlide+xml"/>
  <Override PartName="/ppt/tags/tag6.xml" ContentType="application/vnd.openxmlformats-officedocument.presentationml.tags+xml"/>
  <Override PartName="/ppt/notesSlides/notesSlide6.xml" ContentType="application/vnd.openxmlformats-officedocument.presentationml.notesSlide+xml"/>
  <Override PartName="/ppt/tags/tag7.xml" ContentType="application/vnd.openxmlformats-officedocument.presentationml.tags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tags/tag8.xml" ContentType="application/vnd.openxmlformats-officedocument.presentationml.tags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tags/tag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4" Type="http://schemas.openxmlformats.org/officeDocument/2006/relationships/extended-properties" Target="docProps/app.xml"/><Relationship Id="rId5" Type="http://schemas.openxmlformats.org/officeDocument/2006/relationships/custom-properties" Target="docProps/custom.xml"/><Relationship Id="rId1" Type="http://schemas.openxmlformats.org/officeDocument/2006/relationships/officeDocument" Target="ppt/presentation.xml"/><Relationship Id="rId2" Type="http://schemas.openxmlformats.org/package/2006/relationships/metadata/thumbnail" Target="docProps/thumbnail.jpeg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notesMasterIdLst>
    <p:notesMasterId r:id="rId17"/>
  </p:notesMasterIdLst>
  <p:handoutMasterIdLst>
    <p:handoutMasterId r:id="rId18"/>
  </p:handoutMasterIdLst>
  <p:sldIdLst>
    <p:sldId id="294" r:id="rId2"/>
    <p:sldId id="296" r:id="rId3"/>
    <p:sldId id="295" r:id="rId4"/>
    <p:sldId id="299" r:id="rId5"/>
    <p:sldId id="303" r:id="rId6"/>
    <p:sldId id="297" r:id="rId7"/>
    <p:sldId id="298" r:id="rId8"/>
    <p:sldId id="300" r:id="rId9"/>
    <p:sldId id="310" r:id="rId10"/>
    <p:sldId id="301" r:id="rId11"/>
    <p:sldId id="314" r:id="rId12"/>
    <p:sldId id="309" r:id="rId13"/>
    <p:sldId id="313" r:id="rId14"/>
    <p:sldId id="304" r:id="rId15"/>
    <p:sldId id="302" r:id="rId16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2D5ABB26-0587-4C30-8999-92F81FD0307C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723" autoAdjust="0"/>
    <p:restoredTop sz="69005"/>
  </p:normalViewPr>
  <p:slideViewPr>
    <p:cSldViewPr snapToGrid="0" showGuides="1">
      <p:cViewPr varScale="1">
        <p:scale>
          <a:sx n="42" d="100"/>
          <a:sy n="42" d="100"/>
        </p:scale>
        <p:origin x="1080" y="18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96" d="100"/>
          <a:sy n="96" d="100"/>
        </p:scale>
        <p:origin x="2784" y="72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9" Type="http://schemas.openxmlformats.org/officeDocument/2006/relationships/slide" Target="slides/slide8.xml"/><Relationship Id="rId20" Type="http://schemas.openxmlformats.org/officeDocument/2006/relationships/viewProps" Target="viewProps.xml"/><Relationship Id="rId21" Type="http://schemas.openxmlformats.org/officeDocument/2006/relationships/theme" Target="theme/theme1.xml"/><Relationship Id="rId22" Type="http://schemas.openxmlformats.org/officeDocument/2006/relationships/tableStyles" Target="tableStyles.xml"/><Relationship Id="rId10" Type="http://schemas.openxmlformats.org/officeDocument/2006/relationships/slide" Target="slides/slide9.xml"/><Relationship Id="rId11" Type="http://schemas.openxmlformats.org/officeDocument/2006/relationships/slide" Target="slides/slide10.xml"/><Relationship Id="rId12" Type="http://schemas.openxmlformats.org/officeDocument/2006/relationships/slide" Target="slides/slide11.xml"/><Relationship Id="rId13" Type="http://schemas.openxmlformats.org/officeDocument/2006/relationships/slide" Target="slides/slide12.xml"/><Relationship Id="rId14" Type="http://schemas.openxmlformats.org/officeDocument/2006/relationships/slide" Target="slides/slide13.xml"/><Relationship Id="rId15" Type="http://schemas.openxmlformats.org/officeDocument/2006/relationships/slide" Target="slides/slide14.xml"/><Relationship Id="rId16" Type="http://schemas.openxmlformats.org/officeDocument/2006/relationships/slide" Target="slides/slide15.xml"/><Relationship Id="rId17" Type="http://schemas.openxmlformats.org/officeDocument/2006/relationships/notesMaster" Target="notesMasters/notesMaster1.xml"/><Relationship Id="rId18" Type="http://schemas.openxmlformats.org/officeDocument/2006/relationships/handoutMaster" Target="handoutMasters/handoutMaster1.xml"/><Relationship Id="rId19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2" Type="http://schemas.openxmlformats.org/officeDocument/2006/relationships/slide" Target="slides/slide1.xml"/><Relationship Id="rId3" Type="http://schemas.openxmlformats.org/officeDocument/2006/relationships/slide" Target="slides/slide2.xml"/><Relationship Id="rId4" Type="http://schemas.openxmlformats.org/officeDocument/2006/relationships/slide" Target="slides/slide3.xml"/><Relationship Id="rId5" Type="http://schemas.openxmlformats.org/officeDocument/2006/relationships/slide" Target="slides/slide4.xml"/><Relationship Id="rId6" Type="http://schemas.openxmlformats.org/officeDocument/2006/relationships/slide" Target="slides/slide5.xml"/><Relationship Id="rId7" Type="http://schemas.openxmlformats.org/officeDocument/2006/relationships/slide" Target="slides/slide6.xml"/><Relationship Id="rId8" Type="http://schemas.openxmlformats.org/officeDocument/2006/relationships/slide" Target="slides/slide7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D8382C0-1D05-4229-918E-CDD7B7E48B4A}" type="slidenum">
              <a:rPr lang="en-GB" smtClean="0"/>
              <a:t>‹nr.›</a:t>
            </a:fld>
            <a:endParaRPr lang="en-GB"/>
          </a:p>
        </p:txBody>
      </p:sp>
      <p:sp>
        <p:nvSpPr>
          <p:cNvPr id="8" name="Date Placeholder 7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3F6AEEE-E778-402E-8B8F-9A98AED26EB8}" type="datetimeFigureOut">
              <a:rPr lang="en-GB" smtClean="0"/>
              <a:t>22/11/2017</a:t>
            </a:fld>
            <a:endParaRPr lang="en-GB"/>
          </a:p>
        </p:txBody>
      </p:sp>
      <p:sp>
        <p:nvSpPr>
          <p:cNvPr id="9" name="Header Placeholder 8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Notes Placeholder 7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9" name="Date Placeholder 8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386E511-D742-4EFE-90B5-C9FC42762E0F}" type="datetimeFigureOut">
              <a:rPr lang="en-GB" smtClean="0"/>
              <a:t>22/11/2017</a:t>
            </a:fld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16CFAD1-D197-4A88-B173-A6412E995EE5}" type="slidenum">
              <a:rPr lang="en-GB" smtClean="0"/>
              <a:t>‹nr.›</a:t>
            </a:fld>
            <a:endParaRPr lang="en-GB"/>
          </a:p>
        </p:txBody>
      </p:sp>
      <p:sp>
        <p:nvSpPr>
          <p:cNvPr id="11" name="Footer Placeholder 10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12" name="Slide Image Placeholder 11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13" name="Header Placeholder 12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2.xml"/></Relationships>
</file>

<file path=ppt/notesSlides/_rels/notesSlide10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11.xml"/></Relationships>
</file>

<file path=ppt/notesSlides/_rels/notesSlide11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12.xml"/></Relationships>
</file>

<file path=ppt/notesSlides/_rels/notesSlide12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13.xml"/></Relationships>
</file>

<file path=ppt/notesSlides/_rels/notesSlide13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14.xml"/></Relationships>
</file>

<file path=ppt/notesSlides/_rels/notesSlide2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3.xml"/></Relationships>
</file>

<file path=ppt/notesSlides/_rels/notesSlide3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4.xml"/></Relationships>
</file>

<file path=ppt/notesSlides/_rels/notesSlide4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5.xml"/></Relationships>
</file>

<file path=ppt/notesSlides/_rels/notesSlide5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6.xml"/></Relationships>
</file>

<file path=ppt/notesSlides/_rels/notesSlide6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7.xml"/></Relationships>
</file>

<file path=ppt/notesSlides/_rels/notesSlide7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8.xml"/></Relationships>
</file>

<file path=ppt/notesSlides/_rels/notesSlide8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9.xml"/></Relationships>
</file>

<file path=ppt/notesSlides/_rels/notesSlide9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10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 smtClean="0"/>
              <a:t>Titlen lød godt!</a:t>
            </a:r>
          </a:p>
          <a:p>
            <a:r>
              <a:rPr lang="da-DK" dirty="0" smtClean="0"/>
              <a:t>Absalon,</a:t>
            </a:r>
            <a:r>
              <a:rPr lang="da-DK" baseline="0" dirty="0" smtClean="0"/>
              <a:t> før UCSJ, ca. 8500 fuldtidsstuderende på 11 uddannelser. Hele Sjælland</a:t>
            </a:r>
            <a:r>
              <a:rPr lang="da-DK" baseline="0" dirty="0" smtClean="0"/>
              <a:t>.</a:t>
            </a:r>
          </a:p>
          <a:p>
            <a:r>
              <a:rPr lang="da-DK" baseline="0" dirty="0" smtClean="0"/>
              <a:t>Læreruddannelsen, undervisningskompetence, lærere i grundskolen</a:t>
            </a: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t>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94623881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 err="1" smtClean="0"/>
              <a:t>Samtænk</a:t>
            </a:r>
            <a:r>
              <a:rPr lang="da-DK" dirty="0" smtClean="0"/>
              <a:t> vejledninger med udstyr</a:t>
            </a:r>
            <a:r>
              <a:rPr lang="da-DK" baseline="0" dirty="0" smtClean="0"/>
              <a:t> og </a:t>
            </a:r>
            <a:r>
              <a:rPr lang="da-DK" baseline="0" dirty="0" err="1" smtClean="0"/>
              <a:t>apps</a:t>
            </a:r>
            <a:r>
              <a:rPr lang="da-DK" baseline="0" dirty="0" smtClean="0"/>
              <a:t>. </a:t>
            </a:r>
          </a:p>
          <a:p>
            <a:r>
              <a:rPr lang="da-DK" baseline="0" dirty="0" smtClean="0"/>
              <a:t>Find nogle simple metoder der holder og brug dem.</a:t>
            </a: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t>1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91970540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 smtClean="0"/>
              <a:t>Lokaler</a:t>
            </a:r>
            <a:r>
              <a:rPr lang="da-DK" baseline="0" dirty="0" smtClean="0"/>
              <a:t> kan ikke alene ændre undervisning</a:t>
            </a:r>
          </a:p>
          <a:p>
            <a:r>
              <a:rPr lang="da-DK" baseline="0" dirty="0" smtClean="0"/>
              <a:t>Video kan ikke ændre undervisning</a:t>
            </a:r>
          </a:p>
          <a:p>
            <a:r>
              <a:rPr lang="da-DK" baseline="0" dirty="0" smtClean="0"/>
              <a:t>Bud på en aktivitet der spiller bolden over på undervisernes banehalvdel</a:t>
            </a:r>
          </a:p>
          <a:p>
            <a:r>
              <a:rPr lang="da-DK" baseline="0" dirty="0" smtClean="0"/>
              <a:t>Ideudvikling i grupper </a:t>
            </a:r>
            <a:r>
              <a:rPr lang="da-DK" baseline="0" dirty="0" err="1" smtClean="0"/>
              <a:t>udfra</a:t>
            </a:r>
            <a:r>
              <a:rPr lang="da-DK" baseline="0" dirty="0" smtClean="0"/>
              <a:t> medietyper</a:t>
            </a:r>
          </a:p>
          <a:p>
            <a:r>
              <a:rPr lang="da-DK" baseline="0" dirty="0" smtClean="0"/>
              <a:t>Udvikling af medietypers brug i undervisningen</a:t>
            </a:r>
          </a:p>
          <a:p>
            <a:r>
              <a:rPr lang="da-DK" baseline="0" dirty="0" smtClean="0"/>
              <a:t>Vanens magt...</a:t>
            </a: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t>1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67687698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 smtClean="0"/>
              <a:t>Det nye er ikke mediet</a:t>
            </a:r>
          </a:p>
          <a:p>
            <a:r>
              <a:rPr lang="da-DK" dirty="0" smtClean="0"/>
              <a:t>Det nye er at det er så tilgængeligt</a:t>
            </a:r>
            <a:r>
              <a:rPr lang="da-DK" baseline="0" dirty="0" smtClean="0"/>
              <a:t> at arbejde med og dele.</a:t>
            </a:r>
            <a:endParaRPr lang="da-DK" dirty="0" smtClean="0"/>
          </a:p>
          <a:p>
            <a:r>
              <a:rPr lang="da-DK" dirty="0" smtClean="0"/>
              <a:t>Hvorfor ikke bruge det</a:t>
            </a:r>
            <a:r>
              <a:rPr lang="da-DK" baseline="0" dirty="0" smtClean="0"/>
              <a:t> i forhold til kommunikation og læring?</a:t>
            </a:r>
          </a:p>
          <a:p>
            <a:endParaRPr lang="da-DK" baseline="0" dirty="0" smtClean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t>1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24729519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 smtClean="0"/>
              <a:t>Ikke normalt en </a:t>
            </a:r>
            <a:r>
              <a:rPr lang="da-DK" dirty="0" err="1" smtClean="0"/>
              <a:t>Youtube</a:t>
            </a:r>
            <a:r>
              <a:rPr lang="da-DK" baseline="0" dirty="0" smtClean="0"/>
              <a:t> sensation, men meget større publikum end egne studerende.</a:t>
            </a:r>
            <a:endParaRPr lang="da-DK" dirty="0" smtClean="0"/>
          </a:p>
          <a:p>
            <a:r>
              <a:rPr lang="da-DK" dirty="0" smtClean="0"/>
              <a:t>ER det godt at dele gratis ud af sin </a:t>
            </a:r>
            <a:r>
              <a:rPr lang="da-DK" dirty="0" err="1" smtClean="0"/>
              <a:t>viden?Kommer</a:t>
            </a:r>
            <a:r>
              <a:rPr lang="da-DK" baseline="0" dirty="0" smtClean="0"/>
              <a:t> ud med sin viden, b</a:t>
            </a:r>
            <a:r>
              <a:rPr lang="da-DK" dirty="0" smtClean="0"/>
              <a:t>idrager</a:t>
            </a:r>
            <a:r>
              <a:rPr lang="da-DK" baseline="0" dirty="0" smtClean="0"/>
              <a:t> til sit faglige fællesskab og får positiv opmærksomhed</a:t>
            </a:r>
          </a:p>
          <a:p>
            <a:r>
              <a:rPr lang="da-DK" baseline="0" dirty="0" smtClean="0"/>
              <a:t>Har en masse videoer der kan henvises til.</a:t>
            </a:r>
          </a:p>
          <a:p>
            <a:r>
              <a:rPr lang="da-DK" baseline="0" dirty="0" smtClean="0"/>
              <a:t>Vil producere mere i fremtiden.</a:t>
            </a:r>
          </a:p>
          <a:p>
            <a:endParaRPr lang="da-DK" baseline="0" dirty="0" smtClean="0"/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t>14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3813480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 smtClean="0"/>
              <a:t>3 min</a:t>
            </a:r>
          </a:p>
          <a:p>
            <a:r>
              <a:rPr lang="da-DK" dirty="0" smtClean="0"/>
              <a:t>Gennemgå billeder en ad gangen</a:t>
            </a:r>
          </a:p>
          <a:p>
            <a:r>
              <a:rPr lang="da-DK" dirty="0" smtClean="0"/>
              <a:t>Udvikling af</a:t>
            </a:r>
            <a:r>
              <a:rPr lang="da-DK" baseline="0" dirty="0" smtClean="0"/>
              <a:t> nye undervisningslokaler der skulle </a:t>
            </a:r>
            <a:r>
              <a:rPr lang="da-DK" baseline="0" dirty="0" err="1" smtClean="0"/>
              <a:t>facilitere</a:t>
            </a:r>
            <a:r>
              <a:rPr lang="da-DK" baseline="0" dirty="0" smtClean="0"/>
              <a:t> nye undervisningsformer</a:t>
            </a:r>
          </a:p>
          <a:p>
            <a:r>
              <a:rPr lang="da-DK" baseline="0" dirty="0" smtClean="0"/>
              <a:t>Scenograf, metaforer</a:t>
            </a:r>
          </a:p>
          <a:p>
            <a:r>
              <a:rPr lang="da-DK" baseline="0" dirty="0" smtClean="0"/>
              <a:t>Møblerne blev flyttet tilbage på plads efter campus var bygget.</a:t>
            </a: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t>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1613308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 smtClean="0"/>
              <a:t>1 min</a:t>
            </a:r>
          </a:p>
          <a:p>
            <a:r>
              <a:rPr lang="da-DK" dirty="0" smtClean="0"/>
              <a:t>Hvad nu hvis man overfører det her til video? </a:t>
            </a: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t>4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7164137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 smtClean="0"/>
              <a:t>1 min</a:t>
            </a:r>
          </a:p>
          <a:p>
            <a:r>
              <a:rPr lang="da-DK" dirty="0" smtClean="0"/>
              <a:t>Den </a:t>
            </a:r>
            <a:r>
              <a:rPr lang="da-DK" dirty="0" smtClean="0"/>
              <a:t>mest almindelige produktion valgt af </a:t>
            </a:r>
            <a:r>
              <a:rPr lang="da-DK" dirty="0" smtClean="0"/>
              <a:t>undervisere</a:t>
            </a:r>
            <a:r>
              <a:rPr lang="da-DK" baseline="0" dirty="0" smtClean="0"/>
              <a:t>. Minder meget om ”optaget undervisning”. </a:t>
            </a:r>
          </a:p>
          <a:p>
            <a:r>
              <a:rPr lang="da-DK" baseline="0" dirty="0" smtClean="0"/>
              <a:t>Man tager undervisningen og sætter strøm til?</a:t>
            </a:r>
            <a:endParaRPr lang="da-DK" dirty="0" smtClean="0"/>
          </a:p>
          <a:p>
            <a:pPr marL="228600" indent="-228600">
              <a:buAutoNum type="arabicPeriod"/>
            </a:pPr>
            <a:r>
              <a:rPr lang="da-DK" dirty="0" smtClean="0"/>
              <a:t>Tradition/vanens</a:t>
            </a:r>
            <a:r>
              <a:rPr lang="da-DK" baseline="0" dirty="0" smtClean="0"/>
              <a:t> magt </a:t>
            </a:r>
            <a:endParaRPr lang="da-DK" dirty="0" smtClean="0"/>
          </a:p>
          <a:p>
            <a:pPr marL="228600" indent="-228600">
              <a:buAutoNum type="arabicPeriod"/>
            </a:pPr>
            <a:r>
              <a:rPr lang="da-DK" baseline="0" dirty="0" smtClean="0"/>
              <a:t>Tekniske standarder. Skal ikke bekymre sig om teknik. </a:t>
            </a:r>
            <a:r>
              <a:rPr lang="da-DK" dirty="0" smtClean="0"/>
              <a:t>Teknisk</a:t>
            </a:r>
            <a:r>
              <a:rPr lang="da-DK" baseline="0" dirty="0" smtClean="0"/>
              <a:t> </a:t>
            </a:r>
            <a:r>
              <a:rPr lang="da-DK" baseline="0" dirty="0" smtClean="0"/>
              <a:t>standarder bruger mindre tid</a:t>
            </a:r>
          </a:p>
          <a:p>
            <a:pPr marL="228600" indent="-228600">
              <a:buAutoNum type="arabicPeriod"/>
            </a:pPr>
            <a:r>
              <a:rPr lang="da-DK" dirty="0" smtClean="0"/>
              <a:t>Ressourcer/tid Hurtigt</a:t>
            </a:r>
            <a:r>
              <a:rPr lang="da-DK" baseline="0" dirty="0" smtClean="0"/>
              <a:t> at producere. Kræver </a:t>
            </a:r>
            <a:r>
              <a:rPr lang="da-DK" baseline="0" dirty="0" smtClean="0"/>
              <a:t>resurser og tid at udvikle og producere videoformater</a:t>
            </a:r>
            <a:endParaRPr lang="da-DK" dirty="0" smtClean="0"/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t>5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62067706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 smtClean="0"/>
              <a:t>1 min.</a:t>
            </a:r>
            <a:r>
              <a:rPr lang="da-DK" baseline="0" dirty="0" smtClean="0"/>
              <a:t> </a:t>
            </a:r>
            <a:r>
              <a:rPr lang="da-DK" dirty="0" smtClean="0"/>
              <a:t>Undersøgelse 2016</a:t>
            </a:r>
          </a:p>
          <a:p>
            <a:r>
              <a:rPr lang="da-DK" dirty="0" err="1" smtClean="0"/>
              <a:t>Talking</a:t>
            </a:r>
            <a:r>
              <a:rPr lang="da-DK" baseline="0" dirty="0" smtClean="0"/>
              <a:t> head mest almindelige kommunikationsform på de største MOOC platforme</a:t>
            </a:r>
          </a:p>
          <a:p>
            <a:r>
              <a:rPr lang="da-DK" baseline="0" dirty="0" smtClean="0"/>
              <a:t>Gennemgå slide</a:t>
            </a: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t>6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40017755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 smtClean="0"/>
              <a:t>Efter fulgt af</a:t>
            </a:r>
            <a:r>
              <a:rPr lang="da-DK" baseline="0" dirty="0" smtClean="0"/>
              <a:t> eller i kombination med slides</a:t>
            </a: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t>7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02379299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 smtClean="0"/>
              <a:t>Ny situation at stå foran kameraet</a:t>
            </a:r>
          </a:p>
          <a:p>
            <a:r>
              <a:rPr lang="da-DK" dirty="0" smtClean="0"/>
              <a:t>Ingen kontakt til </a:t>
            </a:r>
            <a:r>
              <a:rPr lang="da-DK" dirty="0" smtClean="0"/>
              <a:t>publikum</a:t>
            </a:r>
          </a:p>
          <a:p>
            <a:r>
              <a:rPr lang="da-DK" dirty="0" smtClean="0"/>
              <a:t>Tilrettelagt</a:t>
            </a:r>
            <a:r>
              <a:rPr lang="da-DK" baseline="0" dirty="0" smtClean="0"/>
              <a:t> til mediet ift. Længde mv.</a:t>
            </a:r>
            <a:endParaRPr lang="da-DK" dirty="0" smtClean="0"/>
          </a:p>
          <a:p>
            <a:r>
              <a:rPr lang="da-DK" dirty="0" smtClean="0"/>
              <a:t>Kan</a:t>
            </a:r>
            <a:r>
              <a:rPr lang="da-DK" baseline="0" dirty="0" smtClean="0"/>
              <a:t> alle nu se hvad jeg laver?</a:t>
            </a:r>
          </a:p>
          <a:p>
            <a:r>
              <a:rPr lang="da-DK" baseline="0" dirty="0" smtClean="0"/>
              <a:t>Teleprompter, kameraer og lys</a:t>
            </a:r>
          </a:p>
          <a:p>
            <a:r>
              <a:rPr lang="da-DK" baseline="0" dirty="0" smtClean="0"/>
              <a:t>Vejledninger til hvordan man står foran </a:t>
            </a:r>
            <a:r>
              <a:rPr lang="da-DK" baseline="0" dirty="0" smtClean="0"/>
              <a:t>kameraet</a:t>
            </a:r>
          </a:p>
          <a:p>
            <a:r>
              <a:rPr lang="da-DK" baseline="0" dirty="0" err="1" smtClean="0"/>
              <a:t>Workflow</a:t>
            </a:r>
            <a:r>
              <a:rPr lang="da-DK" baseline="0" dirty="0" smtClean="0"/>
              <a:t> fra folk kommer til de går. studie</a:t>
            </a: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t>8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40934216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 smtClean="0"/>
              <a:t>Bornholm. Interaktivt projekt om Geologi</a:t>
            </a:r>
          </a:p>
          <a:p>
            <a:r>
              <a:rPr lang="da-DK" dirty="0" smtClean="0"/>
              <a:t>En uges optagelser. Dertil</a:t>
            </a:r>
            <a:r>
              <a:rPr lang="da-DK" baseline="0" dirty="0" smtClean="0"/>
              <a:t> planlægning og redigering.</a:t>
            </a:r>
            <a:endParaRPr lang="da-DK" dirty="0" smtClean="0"/>
          </a:p>
          <a:p>
            <a:r>
              <a:rPr lang="da-DK" dirty="0" smtClean="0"/>
              <a:t>En</a:t>
            </a:r>
            <a:r>
              <a:rPr lang="da-DK" baseline="0" dirty="0" smtClean="0"/>
              <a:t> serie af 12 interaktive videoer</a:t>
            </a:r>
          </a:p>
          <a:p>
            <a:r>
              <a:rPr lang="da-DK" baseline="0" dirty="0" smtClean="0"/>
              <a:t>Egen undervisning kontra større fælles forløb. Der skal være mange studerende.</a:t>
            </a: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t>9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52281213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 smtClean="0"/>
              <a:t>Do it </a:t>
            </a:r>
            <a:r>
              <a:rPr lang="da-DK" dirty="0" err="1" smtClean="0"/>
              <a:t>yourself</a:t>
            </a:r>
            <a:r>
              <a:rPr lang="da-DK" dirty="0" smtClean="0"/>
              <a:t> or bring </a:t>
            </a:r>
            <a:r>
              <a:rPr lang="da-DK" dirty="0" err="1" smtClean="0"/>
              <a:t>your</a:t>
            </a:r>
            <a:r>
              <a:rPr lang="da-DK" dirty="0" smtClean="0"/>
              <a:t> </a:t>
            </a:r>
            <a:r>
              <a:rPr lang="da-DK" dirty="0" err="1" smtClean="0"/>
              <a:t>own</a:t>
            </a:r>
            <a:r>
              <a:rPr lang="da-DK" dirty="0" smtClean="0"/>
              <a:t> </a:t>
            </a:r>
            <a:r>
              <a:rPr lang="da-DK" dirty="0" err="1" smtClean="0"/>
              <a:t>device</a:t>
            </a:r>
            <a:r>
              <a:rPr lang="da-DK" baseline="0" dirty="0" smtClean="0"/>
              <a:t> </a:t>
            </a:r>
            <a:endParaRPr lang="da-DK" dirty="0" smtClean="0"/>
          </a:p>
          <a:p>
            <a:endParaRPr lang="da-DK" dirty="0" smtClean="0"/>
          </a:p>
          <a:p>
            <a:r>
              <a:rPr lang="da-DK" dirty="0" smtClean="0"/>
              <a:t>Størst</a:t>
            </a:r>
            <a:r>
              <a:rPr lang="da-DK" baseline="0" dirty="0" smtClean="0"/>
              <a:t> succes med smartphone tiltag. Kan lånes på biblioteket. Lyd, lys og stabilisering og billede</a:t>
            </a:r>
          </a:p>
          <a:p>
            <a:r>
              <a:rPr lang="da-DK" baseline="0" dirty="0" smtClean="0"/>
              <a:t>Hver enkelt underviser har mulighed for at bruge video</a:t>
            </a: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t>10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3696551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NUL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NUL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NUL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NUL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NUL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NUL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NUL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NUL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NUL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NUL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NUL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NUL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slide (A)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ød baggrund"/>
          <p:cNvSpPr/>
          <p:nvPr userDrawn="1"/>
        </p:nvSpPr>
        <p:spPr>
          <a:xfrm>
            <a:off x="2699" y="0"/>
            <a:ext cx="121896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756878" y="624469"/>
            <a:ext cx="7227922" cy="1973766"/>
          </a:xfrm>
        </p:spPr>
        <p:txBody>
          <a:bodyPr anchor="b"/>
          <a:lstStyle>
            <a:lvl1pPr algn="l">
              <a:defRPr sz="4800">
                <a:solidFill>
                  <a:schemeClr val="bg2"/>
                </a:solidFill>
              </a:defRPr>
            </a:lvl1pPr>
          </a:lstStyle>
          <a:p>
            <a:r>
              <a:rPr lang="da-DK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755999" y="2810109"/>
            <a:ext cx="7228801" cy="1092819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bg2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/>
              <a:t>Click to edit Master subtitle style</a:t>
            </a:r>
          </a:p>
        </p:txBody>
      </p:sp>
      <p:sp>
        <p:nvSpPr>
          <p:cNvPr id="9" name="Text Placeholder 3"/>
          <p:cNvSpPr>
            <a:spLocks noGrp="1"/>
          </p:cNvSpPr>
          <p:nvPr>
            <p:ph type="body" sz="quarter" idx="15" hasCustomPrompt="1"/>
          </p:nvPr>
        </p:nvSpPr>
        <p:spPr>
          <a:xfrm>
            <a:off x="755650" y="5510785"/>
            <a:ext cx="4563482" cy="391432"/>
          </a:xfrm>
        </p:spPr>
        <p:txBody>
          <a:bodyPr anchor="b" anchorCtr="0"/>
          <a:lstStyle>
            <a:lvl1pPr marL="0" indent="0" rtl="0">
              <a:lnSpc>
                <a:spcPct val="104000"/>
              </a:lnSpc>
              <a:buNone/>
              <a:defRPr sz="1600">
                <a:solidFill>
                  <a:schemeClr val="bg2"/>
                </a:solidFill>
              </a:defRPr>
            </a:lvl1pPr>
          </a:lstStyle>
          <a:p>
            <a:pPr lvl="0"/>
            <a:r>
              <a:rPr lang="da-DK" dirty="0"/>
              <a:t>Indsæt navn og efternavn</a:t>
            </a:r>
          </a:p>
        </p:txBody>
      </p:sp>
      <p:sp>
        <p:nvSpPr>
          <p:cNvPr id="12" name="Picture Placeholder 4"/>
          <p:cNvSpPr>
            <a:spLocks noGrp="1"/>
          </p:cNvSpPr>
          <p:nvPr>
            <p:ph type="pic" sz="quarter" idx="13" hasCustomPrompt="1"/>
          </p:nvPr>
        </p:nvSpPr>
        <p:spPr>
          <a:xfrm>
            <a:off x="5535483" y="5539239"/>
            <a:ext cx="2448000" cy="1324800"/>
          </a:xfrm>
          <a:custGeom>
            <a:avLst/>
            <a:gdLst>
              <a:gd name="connsiteX0" fmla="*/ 323860 w 2448000"/>
              <a:gd name="connsiteY0" fmla="*/ 0 h 1324800"/>
              <a:gd name="connsiteX1" fmla="*/ 328009 w 2448000"/>
              <a:gd name="connsiteY1" fmla="*/ 0 h 1324800"/>
              <a:gd name="connsiteX2" fmla="*/ 357050 w 2448000"/>
              <a:gd name="connsiteY2" fmla="*/ 0 h 1324800"/>
              <a:gd name="connsiteX3" fmla="*/ 388684 w 2448000"/>
              <a:gd name="connsiteY3" fmla="*/ 0 h 1324800"/>
              <a:gd name="connsiteX4" fmla="*/ 435875 w 2448000"/>
              <a:gd name="connsiteY4" fmla="*/ 0 h 1324800"/>
              <a:gd name="connsiteX5" fmla="*/ 501736 w 2448000"/>
              <a:gd name="connsiteY5" fmla="*/ 0 h 1324800"/>
              <a:gd name="connsiteX6" fmla="*/ 589378 w 2448000"/>
              <a:gd name="connsiteY6" fmla="*/ 0 h 1324800"/>
              <a:gd name="connsiteX7" fmla="*/ 701912 w 2448000"/>
              <a:gd name="connsiteY7" fmla="*/ 0 h 1324800"/>
              <a:gd name="connsiteX8" fmla="*/ 842449 w 2448000"/>
              <a:gd name="connsiteY8" fmla="*/ 0 h 1324800"/>
              <a:gd name="connsiteX9" fmla="*/ 1014102 w 2448000"/>
              <a:gd name="connsiteY9" fmla="*/ 0 h 1324800"/>
              <a:gd name="connsiteX10" fmla="*/ 1219982 w 2448000"/>
              <a:gd name="connsiteY10" fmla="*/ 0 h 1324800"/>
              <a:gd name="connsiteX11" fmla="*/ 1463200 w 2448000"/>
              <a:gd name="connsiteY11" fmla="*/ 0 h 1324800"/>
              <a:gd name="connsiteX12" fmla="*/ 1746868 w 2448000"/>
              <a:gd name="connsiteY12" fmla="*/ 0 h 1324800"/>
              <a:gd name="connsiteX13" fmla="*/ 2074098 w 2448000"/>
              <a:gd name="connsiteY13" fmla="*/ 0 h 1324800"/>
              <a:gd name="connsiteX14" fmla="*/ 2448000 w 2448000"/>
              <a:gd name="connsiteY14" fmla="*/ 0 h 1324800"/>
              <a:gd name="connsiteX15" fmla="*/ 2448000 w 2448000"/>
              <a:gd name="connsiteY15" fmla="*/ 2591 h 1324800"/>
              <a:gd name="connsiteX16" fmla="*/ 2448000 w 2448000"/>
              <a:gd name="connsiteY16" fmla="*/ 8743 h 1324800"/>
              <a:gd name="connsiteX17" fmla="*/ 2448000 w 2448000"/>
              <a:gd name="connsiteY17" fmla="*/ 20725 h 1324800"/>
              <a:gd name="connsiteX18" fmla="*/ 2448000 w 2448000"/>
              <a:gd name="connsiteY18" fmla="*/ 40478 h 1324800"/>
              <a:gd name="connsiteX19" fmla="*/ 2448000 w 2448000"/>
              <a:gd name="connsiteY19" fmla="*/ 69946 h 1324800"/>
              <a:gd name="connsiteX20" fmla="*/ 2448000 w 2448000"/>
              <a:gd name="connsiteY20" fmla="*/ 111072 h 1324800"/>
              <a:gd name="connsiteX21" fmla="*/ 2448000 w 2448000"/>
              <a:gd name="connsiteY21" fmla="*/ 165799 h 1324800"/>
              <a:gd name="connsiteX22" fmla="*/ 2448000 w 2448000"/>
              <a:gd name="connsiteY22" fmla="*/ 236069 h 1324800"/>
              <a:gd name="connsiteX23" fmla="*/ 2448000 w 2448000"/>
              <a:gd name="connsiteY23" fmla="*/ 323825 h 1324800"/>
              <a:gd name="connsiteX24" fmla="*/ 2448000 w 2448000"/>
              <a:gd name="connsiteY24" fmla="*/ 431011 h 1324800"/>
              <a:gd name="connsiteX25" fmla="*/ 2448000 w 2448000"/>
              <a:gd name="connsiteY25" fmla="*/ 559570 h 1324800"/>
              <a:gd name="connsiteX26" fmla="*/ 2448000 w 2448000"/>
              <a:gd name="connsiteY26" fmla="*/ 711444 h 1324800"/>
              <a:gd name="connsiteX27" fmla="*/ 2448000 w 2448000"/>
              <a:gd name="connsiteY27" fmla="*/ 888576 h 1324800"/>
              <a:gd name="connsiteX28" fmla="*/ 2448000 w 2448000"/>
              <a:gd name="connsiteY28" fmla="*/ 1092909 h 1324800"/>
              <a:gd name="connsiteX29" fmla="*/ 2448000 w 2448000"/>
              <a:gd name="connsiteY29" fmla="*/ 1205884 h 1324800"/>
              <a:gd name="connsiteX30" fmla="*/ 2448000 w 2448000"/>
              <a:gd name="connsiteY30" fmla="*/ 1324800 h 1324800"/>
              <a:gd name="connsiteX31" fmla="*/ 0 w 2448000"/>
              <a:gd name="connsiteY31" fmla="*/ 1324800 h 1324800"/>
              <a:gd name="connsiteX32" fmla="*/ 0 w 2448000"/>
              <a:gd name="connsiteY32" fmla="*/ 1324438 h 1324800"/>
              <a:gd name="connsiteX33" fmla="*/ 0 w 2448000"/>
              <a:gd name="connsiteY33" fmla="*/ 1310794 h 1324800"/>
              <a:gd name="connsiteX34" fmla="*/ 0 w 2448000"/>
              <a:gd name="connsiteY34" fmla="*/ 1295931 h 1324800"/>
              <a:gd name="connsiteX35" fmla="*/ 0 w 2448000"/>
              <a:gd name="connsiteY35" fmla="*/ 1273759 h 1324800"/>
              <a:gd name="connsiteX36" fmla="*/ 0 w 2448000"/>
              <a:gd name="connsiteY36" fmla="*/ 1242816 h 1324800"/>
              <a:gd name="connsiteX37" fmla="*/ 0 w 2448000"/>
              <a:gd name="connsiteY37" fmla="*/ 1201640 h 1324800"/>
              <a:gd name="connsiteX38" fmla="*/ 0 w 2448000"/>
              <a:gd name="connsiteY38" fmla="*/ 1148768 h 1324800"/>
              <a:gd name="connsiteX39" fmla="*/ 0 w 2448000"/>
              <a:gd name="connsiteY39" fmla="*/ 1082740 h 1324800"/>
              <a:gd name="connsiteX40" fmla="*/ 0 w 2448000"/>
              <a:gd name="connsiteY40" fmla="*/ 1002093 h 1324800"/>
              <a:gd name="connsiteX41" fmla="*/ 0 w 2448000"/>
              <a:gd name="connsiteY41" fmla="*/ 905365 h 1324800"/>
              <a:gd name="connsiteX42" fmla="*/ 0 w 2448000"/>
              <a:gd name="connsiteY42" fmla="*/ 791094 h 1324800"/>
              <a:gd name="connsiteX43" fmla="*/ 0 w 2448000"/>
              <a:gd name="connsiteY43" fmla="*/ 657819 h 1324800"/>
              <a:gd name="connsiteX44" fmla="*/ 0 w 2448000"/>
              <a:gd name="connsiteY44" fmla="*/ 504078 h 1324800"/>
              <a:gd name="connsiteX45" fmla="*/ 0 w 2448000"/>
              <a:gd name="connsiteY45" fmla="*/ 328408 h 1324800"/>
              <a:gd name="connsiteX46" fmla="*/ 323860 w 2448000"/>
              <a:gd name="connsiteY46" fmla="*/ 0 h 13248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</a:cxnLst>
            <a:rect l="l" t="t" r="r" b="b"/>
            <a:pathLst>
              <a:path w="2448000" h="1324800">
                <a:moveTo>
                  <a:pt x="323860" y="0"/>
                </a:moveTo>
                <a:lnTo>
                  <a:pt x="328009" y="0"/>
                </a:lnTo>
                <a:lnTo>
                  <a:pt x="357050" y="0"/>
                </a:lnTo>
                <a:lnTo>
                  <a:pt x="388684" y="0"/>
                </a:lnTo>
                <a:lnTo>
                  <a:pt x="435875" y="0"/>
                </a:lnTo>
                <a:lnTo>
                  <a:pt x="501736" y="0"/>
                </a:lnTo>
                <a:lnTo>
                  <a:pt x="589378" y="0"/>
                </a:lnTo>
                <a:lnTo>
                  <a:pt x="701912" y="0"/>
                </a:lnTo>
                <a:lnTo>
                  <a:pt x="842449" y="0"/>
                </a:lnTo>
                <a:lnTo>
                  <a:pt x="1014102" y="0"/>
                </a:lnTo>
                <a:lnTo>
                  <a:pt x="1219982" y="0"/>
                </a:lnTo>
                <a:lnTo>
                  <a:pt x="1463200" y="0"/>
                </a:lnTo>
                <a:lnTo>
                  <a:pt x="1746868" y="0"/>
                </a:lnTo>
                <a:lnTo>
                  <a:pt x="2074098" y="0"/>
                </a:lnTo>
                <a:lnTo>
                  <a:pt x="2448000" y="0"/>
                </a:lnTo>
                <a:lnTo>
                  <a:pt x="2448000" y="2591"/>
                </a:lnTo>
                <a:lnTo>
                  <a:pt x="2448000" y="8743"/>
                </a:lnTo>
                <a:lnTo>
                  <a:pt x="2448000" y="20725"/>
                </a:lnTo>
                <a:lnTo>
                  <a:pt x="2448000" y="40478"/>
                </a:lnTo>
                <a:lnTo>
                  <a:pt x="2448000" y="69946"/>
                </a:lnTo>
                <a:lnTo>
                  <a:pt x="2448000" y="111072"/>
                </a:lnTo>
                <a:lnTo>
                  <a:pt x="2448000" y="165799"/>
                </a:lnTo>
                <a:lnTo>
                  <a:pt x="2448000" y="236069"/>
                </a:lnTo>
                <a:lnTo>
                  <a:pt x="2448000" y="323825"/>
                </a:lnTo>
                <a:lnTo>
                  <a:pt x="2448000" y="431011"/>
                </a:lnTo>
                <a:lnTo>
                  <a:pt x="2448000" y="559570"/>
                </a:lnTo>
                <a:lnTo>
                  <a:pt x="2448000" y="711444"/>
                </a:lnTo>
                <a:lnTo>
                  <a:pt x="2448000" y="888576"/>
                </a:lnTo>
                <a:lnTo>
                  <a:pt x="2448000" y="1092909"/>
                </a:lnTo>
                <a:lnTo>
                  <a:pt x="2448000" y="1205884"/>
                </a:lnTo>
                <a:lnTo>
                  <a:pt x="2448000" y="1324800"/>
                </a:lnTo>
                <a:lnTo>
                  <a:pt x="0" y="1324800"/>
                </a:lnTo>
                <a:lnTo>
                  <a:pt x="0" y="1324438"/>
                </a:lnTo>
                <a:lnTo>
                  <a:pt x="0" y="1310794"/>
                </a:lnTo>
                <a:lnTo>
                  <a:pt x="0" y="1295931"/>
                </a:lnTo>
                <a:lnTo>
                  <a:pt x="0" y="1273759"/>
                </a:lnTo>
                <a:lnTo>
                  <a:pt x="0" y="1242816"/>
                </a:lnTo>
                <a:lnTo>
                  <a:pt x="0" y="1201640"/>
                </a:lnTo>
                <a:lnTo>
                  <a:pt x="0" y="1148768"/>
                </a:lnTo>
                <a:lnTo>
                  <a:pt x="0" y="1082740"/>
                </a:lnTo>
                <a:lnTo>
                  <a:pt x="0" y="1002093"/>
                </a:lnTo>
                <a:lnTo>
                  <a:pt x="0" y="905365"/>
                </a:lnTo>
                <a:lnTo>
                  <a:pt x="0" y="791094"/>
                </a:lnTo>
                <a:lnTo>
                  <a:pt x="0" y="657819"/>
                </a:lnTo>
                <a:lnTo>
                  <a:pt x="0" y="504078"/>
                </a:lnTo>
                <a:lnTo>
                  <a:pt x="0" y="328408"/>
                </a:lnTo>
                <a:cubicBezTo>
                  <a:pt x="127004" y="200871"/>
                  <a:pt x="196856" y="127537"/>
                  <a:pt x="323860" y="0"/>
                </a:cubicBezTo>
                <a:close/>
              </a:path>
            </a:pathLst>
          </a:custGeom>
          <a:noFill/>
          <a:ln>
            <a:noFill/>
          </a:ln>
        </p:spPr>
        <p:txBody>
          <a:bodyPr wrap="square" tIns="0" bIns="36000" anchor="b" anchorCtr="0">
            <a:noAutofit/>
          </a:bodyPr>
          <a:lstStyle>
            <a:lvl1pPr marL="0" indent="0" algn="ctr">
              <a:buFontTx/>
              <a:buNone/>
              <a:defRPr sz="1400">
                <a:solidFill>
                  <a:schemeClr val="bg2"/>
                </a:solidFill>
              </a:defRPr>
            </a:lvl1pPr>
          </a:lstStyle>
          <a:p>
            <a:r>
              <a:rPr lang="da-DK" noProof="0" dirty="0"/>
              <a:t>Klik på denne pladsholder og indsæt billede via Skyfish</a:t>
            </a:r>
          </a:p>
        </p:txBody>
      </p:sp>
      <p:sp>
        <p:nvSpPr>
          <p:cNvPr id="16" name="Picture Placeholder 5"/>
          <p:cNvSpPr>
            <a:spLocks noGrp="1"/>
          </p:cNvSpPr>
          <p:nvPr>
            <p:ph type="pic" sz="quarter" idx="14" hasCustomPrompt="1"/>
          </p:nvPr>
        </p:nvSpPr>
        <p:spPr>
          <a:xfrm>
            <a:off x="8199472" y="2872800"/>
            <a:ext cx="2448000" cy="2448000"/>
          </a:xfrm>
          <a:noFill/>
          <a:ln>
            <a:noFill/>
          </a:ln>
        </p:spPr>
        <p:txBody>
          <a:bodyPr tIns="180000" anchor="t" anchorCtr="0"/>
          <a:lstStyle>
            <a:lvl1pPr marL="0" indent="0" algn="ctr">
              <a:buNone/>
              <a:defRPr sz="1600">
                <a:solidFill>
                  <a:schemeClr val="bg2"/>
                </a:solidFill>
              </a:defRPr>
            </a:lvl1pPr>
          </a:lstStyle>
          <a:p>
            <a:r>
              <a:rPr lang="da-DK" noProof="0" dirty="0"/>
              <a:t>Klik på denne pladsholder og indsæt billede via Skyfish</a:t>
            </a:r>
          </a:p>
        </p:txBody>
      </p:sp>
      <p:sp>
        <p:nvSpPr>
          <p:cNvPr id="27" name="Bogstav A"/>
          <p:cNvSpPr/>
          <p:nvPr userDrawn="1"/>
        </p:nvSpPr>
        <p:spPr>
          <a:xfrm>
            <a:off x="10868302" y="2872800"/>
            <a:ext cx="1323997" cy="2448000"/>
          </a:xfrm>
          <a:custGeom>
            <a:avLst/>
            <a:gdLst>
              <a:gd name="connsiteX0" fmla="*/ 327817 w 1323997"/>
              <a:gd name="connsiteY0" fmla="*/ 0 h 2448000"/>
              <a:gd name="connsiteX1" fmla="*/ 329762 w 1323997"/>
              <a:gd name="connsiteY1" fmla="*/ 0 h 2448000"/>
              <a:gd name="connsiteX2" fmla="*/ 343382 w 1323997"/>
              <a:gd name="connsiteY2" fmla="*/ 0 h 2448000"/>
              <a:gd name="connsiteX3" fmla="*/ 358218 w 1323997"/>
              <a:gd name="connsiteY3" fmla="*/ 0 h 2448000"/>
              <a:gd name="connsiteX4" fmla="*/ 380350 w 1323997"/>
              <a:gd name="connsiteY4" fmla="*/ 0 h 2448000"/>
              <a:gd name="connsiteX5" fmla="*/ 411237 w 1323997"/>
              <a:gd name="connsiteY5" fmla="*/ 0 h 2448000"/>
              <a:gd name="connsiteX6" fmla="*/ 452339 w 1323997"/>
              <a:gd name="connsiteY6" fmla="*/ 0 h 2448000"/>
              <a:gd name="connsiteX7" fmla="*/ 505115 w 1323997"/>
              <a:gd name="connsiteY7" fmla="*/ 0 h 2448000"/>
              <a:gd name="connsiteX8" fmla="*/ 571025 w 1323997"/>
              <a:gd name="connsiteY8" fmla="*/ 0 h 2448000"/>
              <a:gd name="connsiteX9" fmla="*/ 651527 w 1323997"/>
              <a:gd name="connsiteY9" fmla="*/ 0 h 2448000"/>
              <a:gd name="connsiteX10" fmla="*/ 748080 w 1323997"/>
              <a:gd name="connsiteY10" fmla="*/ 0 h 2448000"/>
              <a:gd name="connsiteX11" fmla="*/ 862145 w 1323997"/>
              <a:gd name="connsiteY11" fmla="*/ 0 h 2448000"/>
              <a:gd name="connsiteX12" fmla="*/ 995180 w 1323997"/>
              <a:gd name="connsiteY12" fmla="*/ 0 h 2448000"/>
              <a:gd name="connsiteX13" fmla="*/ 1148644 w 1323997"/>
              <a:gd name="connsiteY13" fmla="*/ 0 h 2448000"/>
              <a:gd name="connsiteX14" fmla="*/ 1323997 w 1323997"/>
              <a:gd name="connsiteY14" fmla="*/ 0 h 2448000"/>
              <a:gd name="connsiteX15" fmla="*/ 1323997 w 1323997"/>
              <a:gd name="connsiteY15" fmla="*/ 612794 h 2448000"/>
              <a:gd name="connsiteX16" fmla="*/ 900700 w 1323997"/>
              <a:gd name="connsiteY16" fmla="*/ 612794 h 2448000"/>
              <a:gd name="connsiteX17" fmla="*/ 900700 w 1323997"/>
              <a:gd name="connsiteY17" fmla="*/ 1225588 h 2448000"/>
              <a:gd name="connsiteX18" fmla="*/ 1323997 w 1323997"/>
              <a:gd name="connsiteY18" fmla="*/ 1225588 h 2448000"/>
              <a:gd name="connsiteX19" fmla="*/ 1323997 w 1323997"/>
              <a:gd name="connsiteY19" fmla="*/ 1835206 h 2448000"/>
              <a:gd name="connsiteX20" fmla="*/ 900700 w 1323997"/>
              <a:gd name="connsiteY20" fmla="*/ 1835206 h 2448000"/>
              <a:gd name="connsiteX21" fmla="*/ 900700 w 1323997"/>
              <a:gd name="connsiteY21" fmla="*/ 2448000 h 2448000"/>
              <a:gd name="connsiteX22" fmla="*/ 898941 w 1323997"/>
              <a:gd name="connsiteY22" fmla="*/ 2448000 h 2448000"/>
              <a:gd name="connsiteX23" fmla="*/ 886627 w 1323997"/>
              <a:gd name="connsiteY23" fmla="*/ 2448000 h 2448000"/>
              <a:gd name="connsiteX24" fmla="*/ 873213 w 1323997"/>
              <a:gd name="connsiteY24" fmla="*/ 2448000 h 2448000"/>
              <a:gd name="connsiteX25" fmla="*/ 853202 w 1323997"/>
              <a:gd name="connsiteY25" fmla="*/ 2448000 h 2448000"/>
              <a:gd name="connsiteX26" fmla="*/ 825275 w 1323997"/>
              <a:gd name="connsiteY26" fmla="*/ 2448000 h 2448000"/>
              <a:gd name="connsiteX27" fmla="*/ 788113 w 1323997"/>
              <a:gd name="connsiteY27" fmla="*/ 2448000 h 2448000"/>
              <a:gd name="connsiteX28" fmla="*/ 740395 w 1323997"/>
              <a:gd name="connsiteY28" fmla="*/ 2448000 h 2448000"/>
              <a:gd name="connsiteX29" fmla="*/ 680803 w 1323997"/>
              <a:gd name="connsiteY29" fmla="*/ 2448000 h 2448000"/>
              <a:gd name="connsiteX30" fmla="*/ 608017 w 1323997"/>
              <a:gd name="connsiteY30" fmla="*/ 2448000 h 2448000"/>
              <a:gd name="connsiteX31" fmla="*/ 520717 w 1323997"/>
              <a:gd name="connsiteY31" fmla="*/ 2448000 h 2448000"/>
              <a:gd name="connsiteX32" fmla="*/ 417586 w 1323997"/>
              <a:gd name="connsiteY32" fmla="*/ 2448000 h 2448000"/>
              <a:gd name="connsiteX33" fmla="*/ 297302 w 1323997"/>
              <a:gd name="connsiteY33" fmla="*/ 2448000 h 2448000"/>
              <a:gd name="connsiteX34" fmla="*/ 158546 w 1323997"/>
              <a:gd name="connsiteY34" fmla="*/ 2448000 h 2448000"/>
              <a:gd name="connsiteX35" fmla="*/ 0 w 1323997"/>
              <a:gd name="connsiteY35" fmla="*/ 2448000 h 2448000"/>
              <a:gd name="connsiteX36" fmla="*/ 0 w 1323997"/>
              <a:gd name="connsiteY36" fmla="*/ 2443857 h 2448000"/>
              <a:gd name="connsiteX37" fmla="*/ 0 w 1323997"/>
              <a:gd name="connsiteY37" fmla="*/ 2414860 h 2448000"/>
              <a:gd name="connsiteX38" fmla="*/ 0 w 1323997"/>
              <a:gd name="connsiteY38" fmla="*/ 2383273 h 2448000"/>
              <a:gd name="connsiteX39" fmla="*/ 0 w 1323997"/>
              <a:gd name="connsiteY39" fmla="*/ 2336152 h 2448000"/>
              <a:gd name="connsiteX40" fmla="*/ 0 w 1323997"/>
              <a:gd name="connsiteY40" fmla="*/ 2270390 h 2448000"/>
              <a:gd name="connsiteX41" fmla="*/ 0 w 1323997"/>
              <a:gd name="connsiteY41" fmla="*/ 2182879 h 2448000"/>
              <a:gd name="connsiteX42" fmla="*/ 0 w 1323997"/>
              <a:gd name="connsiteY42" fmla="*/ 2070514 h 2448000"/>
              <a:gd name="connsiteX43" fmla="*/ 0 w 1323997"/>
              <a:gd name="connsiteY43" fmla="*/ 1930186 h 2448000"/>
              <a:gd name="connsiteX44" fmla="*/ 0 w 1323997"/>
              <a:gd name="connsiteY44" fmla="*/ 1758790 h 2448000"/>
              <a:gd name="connsiteX45" fmla="*/ 0 w 1323997"/>
              <a:gd name="connsiteY45" fmla="*/ 1553218 h 2448000"/>
              <a:gd name="connsiteX46" fmla="*/ 0 w 1323997"/>
              <a:gd name="connsiteY46" fmla="*/ 1310363 h 2448000"/>
              <a:gd name="connsiteX47" fmla="*/ 0 w 1323997"/>
              <a:gd name="connsiteY47" fmla="*/ 1027119 h 2448000"/>
              <a:gd name="connsiteX48" fmla="*/ 0 w 1323997"/>
              <a:gd name="connsiteY48" fmla="*/ 700379 h 2448000"/>
              <a:gd name="connsiteX49" fmla="*/ 0 w 1323997"/>
              <a:gd name="connsiteY49" fmla="*/ 327035 h 2448000"/>
              <a:gd name="connsiteX50" fmla="*/ 327817 w 1323997"/>
              <a:gd name="connsiteY50" fmla="*/ 0 h 244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</a:cxnLst>
            <a:rect l="l" t="t" r="r" b="b"/>
            <a:pathLst>
              <a:path w="1323997" h="2448000">
                <a:moveTo>
                  <a:pt x="327817" y="0"/>
                </a:moveTo>
                <a:lnTo>
                  <a:pt x="329762" y="0"/>
                </a:lnTo>
                <a:lnTo>
                  <a:pt x="343382" y="0"/>
                </a:lnTo>
                <a:lnTo>
                  <a:pt x="358218" y="0"/>
                </a:lnTo>
                <a:lnTo>
                  <a:pt x="380350" y="0"/>
                </a:lnTo>
                <a:lnTo>
                  <a:pt x="411237" y="0"/>
                </a:lnTo>
                <a:lnTo>
                  <a:pt x="452339" y="0"/>
                </a:lnTo>
                <a:lnTo>
                  <a:pt x="505115" y="0"/>
                </a:lnTo>
                <a:lnTo>
                  <a:pt x="571025" y="0"/>
                </a:lnTo>
                <a:lnTo>
                  <a:pt x="651527" y="0"/>
                </a:lnTo>
                <a:lnTo>
                  <a:pt x="748080" y="0"/>
                </a:lnTo>
                <a:lnTo>
                  <a:pt x="862145" y="0"/>
                </a:lnTo>
                <a:lnTo>
                  <a:pt x="995180" y="0"/>
                </a:lnTo>
                <a:lnTo>
                  <a:pt x="1148644" y="0"/>
                </a:lnTo>
                <a:lnTo>
                  <a:pt x="1323997" y="0"/>
                </a:lnTo>
                <a:cubicBezTo>
                  <a:pt x="1323997" y="0"/>
                  <a:pt x="1323997" y="0"/>
                  <a:pt x="1323997" y="612794"/>
                </a:cubicBezTo>
                <a:cubicBezTo>
                  <a:pt x="1323997" y="612794"/>
                  <a:pt x="1323997" y="612794"/>
                  <a:pt x="900700" y="612794"/>
                </a:cubicBezTo>
                <a:cubicBezTo>
                  <a:pt x="900700" y="612794"/>
                  <a:pt x="900700" y="612794"/>
                  <a:pt x="900700" y="1225588"/>
                </a:cubicBezTo>
                <a:lnTo>
                  <a:pt x="1323997" y="1225588"/>
                </a:lnTo>
                <a:cubicBezTo>
                  <a:pt x="1323997" y="1225588"/>
                  <a:pt x="1323997" y="1225588"/>
                  <a:pt x="1323997" y="1835206"/>
                </a:cubicBezTo>
                <a:cubicBezTo>
                  <a:pt x="1323997" y="1835206"/>
                  <a:pt x="1323997" y="1835206"/>
                  <a:pt x="900700" y="1835206"/>
                </a:cubicBezTo>
                <a:cubicBezTo>
                  <a:pt x="900700" y="1835206"/>
                  <a:pt x="900700" y="1835206"/>
                  <a:pt x="900700" y="2448000"/>
                </a:cubicBezTo>
                <a:lnTo>
                  <a:pt x="898941" y="2448000"/>
                </a:lnTo>
                <a:lnTo>
                  <a:pt x="886627" y="2448000"/>
                </a:lnTo>
                <a:lnTo>
                  <a:pt x="873213" y="2448000"/>
                </a:lnTo>
                <a:lnTo>
                  <a:pt x="853202" y="2448000"/>
                </a:lnTo>
                <a:lnTo>
                  <a:pt x="825275" y="2448000"/>
                </a:lnTo>
                <a:lnTo>
                  <a:pt x="788113" y="2448000"/>
                </a:lnTo>
                <a:lnTo>
                  <a:pt x="740395" y="2448000"/>
                </a:lnTo>
                <a:lnTo>
                  <a:pt x="680803" y="2448000"/>
                </a:lnTo>
                <a:lnTo>
                  <a:pt x="608017" y="2448000"/>
                </a:lnTo>
                <a:lnTo>
                  <a:pt x="520717" y="2448000"/>
                </a:lnTo>
                <a:lnTo>
                  <a:pt x="417586" y="2448000"/>
                </a:lnTo>
                <a:lnTo>
                  <a:pt x="297302" y="2448000"/>
                </a:lnTo>
                <a:lnTo>
                  <a:pt x="158546" y="2448000"/>
                </a:lnTo>
                <a:lnTo>
                  <a:pt x="0" y="2448000"/>
                </a:lnTo>
                <a:lnTo>
                  <a:pt x="0" y="2443857"/>
                </a:lnTo>
                <a:lnTo>
                  <a:pt x="0" y="2414860"/>
                </a:lnTo>
                <a:lnTo>
                  <a:pt x="0" y="2383273"/>
                </a:lnTo>
                <a:lnTo>
                  <a:pt x="0" y="2336152"/>
                </a:lnTo>
                <a:lnTo>
                  <a:pt x="0" y="2270390"/>
                </a:lnTo>
                <a:lnTo>
                  <a:pt x="0" y="2182879"/>
                </a:lnTo>
                <a:lnTo>
                  <a:pt x="0" y="2070514"/>
                </a:lnTo>
                <a:lnTo>
                  <a:pt x="0" y="1930186"/>
                </a:lnTo>
                <a:lnTo>
                  <a:pt x="0" y="1758790"/>
                </a:lnTo>
                <a:lnTo>
                  <a:pt x="0" y="1553218"/>
                </a:lnTo>
                <a:lnTo>
                  <a:pt x="0" y="1310363"/>
                </a:lnTo>
                <a:lnTo>
                  <a:pt x="0" y="1027119"/>
                </a:lnTo>
                <a:lnTo>
                  <a:pt x="0" y="700379"/>
                </a:lnTo>
                <a:lnTo>
                  <a:pt x="0" y="327035"/>
                </a:lnTo>
                <a:cubicBezTo>
                  <a:pt x="127308" y="200031"/>
                  <a:pt x="200509" y="127004"/>
                  <a:pt x="327817" y="0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755649" y="5963881"/>
            <a:ext cx="4564800" cy="180000"/>
          </a:xfrm>
          <a:prstGeom prst="rect">
            <a:avLst/>
          </a:prstGeom>
        </p:spPr>
        <p:txBody>
          <a:bodyPr/>
          <a:lstStyle>
            <a:lvl1pPr rtl="0">
              <a:defRPr sz="1600">
                <a:solidFill>
                  <a:schemeClr val="bg2"/>
                </a:solidFill>
              </a:defRPr>
            </a:lvl1pPr>
          </a:lstStyle>
          <a:p>
            <a:fld id="{A564B39A-844A-43C5-9F2D-26F589F9F649}" type="datetime2">
              <a:rPr lang="da-DK" smtClean="0"/>
              <a:pPr/>
              <a:t>22. november 2017</a:t>
            </a:fld>
            <a:endParaRPr lang="da-DK" dirty="0"/>
          </a:p>
        </p:txBody>
      </p:sp>
      <p:sp>
        <p:nvSpPr>
          <p:cNvPr id="15" name="Slide Number Placeholder 5" hidden="1"/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r" defTabSz="914400" rtl="0" eaLnBrk="1" latinLnBrk="0" hangingPunct="1">
              <a:defRPr sz="100" b="1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rtl="0"/>
            <a:fld id="{24C8C45C-947F-4981-8B3F-4F32E973C901}" type="slidenum">
              <a:rPr lang="da-DK" smtClean="0"/>
              <a:pPr rtl="0"/>
              <a:t>‹nr.›</a:t>
            </a:fld>
            <a:endParaRPr lang="da-DK" dirty="0"/>
          </a:p>
        </p:txBody>
      </p:sp>
      <p:sp>
        <p:nvSpPr>
          <p:cNvPr id="17" name="Footer Placeholder 4" hidden="1"/>
          <p:cNvSpPr>
            <a:spLocks noGrp="1"/>
          </p:cNvSpPr>
          <p:nvPr>
            <p:ph type="ftr" sz="quarter" idx="3"/>
          </p:nvPr>
        </p:nvSpPr>
        <p:spPr>
          <a:xfrm>
            <a:off x="0" y="70644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 rtl="0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" y="-300028"/>
            <a:ext cx="1188000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b="1" dirty="0"/>
              <a:t>Bemærk</a:t>
            </a:r>
            <a:r>
              <a:rPr lang="da-DK" sz="1200" dirty="0"/>
              <a:t>: På denne side kan billederne udskiftes. </a:t>
            </a:r>
          </a:p>
        </p:txBody>
      </p:sp>
      <p:pic>
        <p:nvPicPr>
          <p:cNvPr id="19" name="Logo navn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809164" y="398179"/>
            <a:ext cx="1051199" cy="148556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2242514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3487" userDrawn="1">
          <p15:clr>
            <a:srgbClr val="000000"/>
          </p15:clr>
        </p15:guide>
        <p15:guide id="2" orient="horz" pos="1809" userDrawn="1">
          <p15:clr>
            <a:srgbClr val="000000"/>
          </p15:clr>
        </p15:guide>
      </p15:sldGuideLst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, indhold og ik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itle</a:t>
            </a:r>
            <a:r>
              <a:rPr lang="da-DK" noProof="0" dirty="0"/>
              <a:t>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540801" y="1989056"/>
            <a:ext cx="5112000" cy="4112944"/>
          </a:xfrm>
        </p:spPr>
        <p:txBody>
          <a:bodyPr/>
          <a:lstStyle/>
          <a:p>
            <a:pPr lvl="0"/>
            <a:r>
              <a:rPr lang="da-DK" noProof="0" dirty="0"/>
              <a:t>Edit Master </a:t>
            </a:r>
            <a:r>
              <a:rPr lang="da-DK" noProof="0" dirty="0" err="1"/>
              <a:t>text</a:t>
            </a:r>
            <a:r>
              <a:rPr lang="da-DK" noProof="0" dirty="0"/>
              <a:t> styles</a:t>
            </a:r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10" name="Content Placeholder 3"/>
          <p:cNvSpPr>
            <a:spLocks noGrp="1"/>
          </p:cNvSpPr>
          <p:nvPr>
            <p:ph sz="quarter" idx="18" hasCustomPrompt="1"/>
          </p:nvPr>
        </p:nvSpPr>
        <p:spPr>
          <a:xfrm>
            <a:off x="7346400" y="1987550"/>
            <a:ext cx="4392000" cy="4393506"/>
          </a:xfrm>
        </p:spPr>
        <p:txBody>
          <a:bodyPr/>
          <a:lstStyle>
            <a:lvl1pPr marL="0" indent="0">
              <a:buNone/>
              <a:defRPr sz="1400"/>
            </a:lvl1pPr>
          </a:lstStyle>
          <a:p>
            <a:pPr lvl="0"/>
            <a:r>
              <a:rPr lang="da-DK" dirty="0"/>
              <a:t>Klik på denne pladsholder og indsæt ikon via Skyfish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6A73BF-020B-417D-A09B-710E77019837}" type="datetime2">
              <a:rPr lang="da-DK" smtClean="0"/>
              <a:t>22. november 2017</a:t>
            </a:fld>
            <a:endParaRPr lang="da-DK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Box 10"/>
          <p:cNvSpPr txBox="1"/>
          <p:nvPr userDrawn="1"/>
        </p:nvSpPr>
        <p:spPr>
          <a:xfrm>
            <a:off x="-1" y="-300028"/>
            <a:ext cx="1188000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b="1" dirty="0"/>
              <a:t>Bemærk</a:t>
            </a:r>
            <a:r>
              <a:rPr lang="da-DK" sz="1200" dirty="0"/>
              <a:t>: På denne side kan graﬁkken udskiftes. </a:t>
            </a:r>
          </a:p>
        </p:txBody>
      </p:sp>
    </p:spTree>
    <p:extLst>
      <p:ext uri="{BB962C8B-B14F-4D97-AF65-F5344CB8AC3E}">
        <p14:creationId xmlns:p14="http://schemas.microsoft.com/office/powerpoint/2010/main" val="319034424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ort billede, rø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0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61600"/>
          </a:xfrm>
          <a:solidFill>
            <a:schemeClr val="bg1">
              <a:lumMod val="85000"/>
            </a:schemeClr>
          </a:solidFill>
        </p:spPr>
        <p:txBody>
          <a:bodyPr lIns="144000" tIns="180000" bIns="0" anchor="t" anchorCtr="0"/>
          <a:lstStyle>
            <a:lvl1pPr marL="0" indent="0" algn="l">
              <a:buNone/>
              <a:defRPr sz="1600"/>
            </a:lvl1pPr>
          </a:lstStyle>
          <a:p>
            <a:r>
              <a:rPr lang="da-DK" dirty="0"/>
              <a:t>Klik på denne pladsholder og indsæt billede via Skyfish</a:t>
            </a:r>
          </a:p>
        </p:txBody>
      </p:sp>
      <p:sp>
        <p:nvSpPr>
          <p:cNvPr id="19" name="Titel 1"/>
          <p:cNvSpPr>
            <a:spLocks noGrp="1"/>
          </p:cNvSpPr>
          <p:nvPr>
            <p:ph type="ctrTitle"/>
          </p:nvPr>
        </p:nvSpPr>
        <p:spPr>
          <a:xfrm>
            <a:off x="1539875" y="2873905"/>
            <a:ext cx="3779700" cy="3780000"/>
          </a:xfrm>
          <a:custGeom>
            <a:avLst/>
            <a:gdLst>
              <a:gd name="connsiteX0" fmla="*/ 0 w 5112000"/>
              <a:gd name="connsiteY0" fmla="*/ 0 h 5115107"/>
              <a:gd name="connsiteX1" fmla="*/ 464430 w 5112000"/>
              <a:gd name="connsiteY1" fmla="*/ 0 h 5115107"/>
              <a:gd name="connsiteX2" fmla="*/ 899842 w 5112000"/>
              <a:gd name="connsiteY2" fmla="*/ 0 h 5115107"/>
              <a:gd name="connsiteX3" fmla="*/ 1307173 w 5112000"/>
              <a:gd name="connsiteY3" fmla="*/ 0 h 5115107"/>
              <a:gd name="connsiteX4" fmla="*/ 1687360 w 5112000"/>
              <a:gd name="connsiteY4" fmla="*/ 0 h 5115107"/>
              <a:gd name="connsiteX5" fmla="*/ 2041337 w 5112000"/>
              <a:gd name="connsiteY5" fmla="*/ 0 h 5115107"/>
              <a:gd name="connsiteX6" fmla="*/ 2370041 w 5112000"/>
              <a:gd name="connsiteY6" fmla="*/ 0 h 5115107"/>
              <a:gd name="connsiteX7" fmla="*/ 2674409 w 5112000"/>
              <a:gd name="connsiteY7" fmla="*/ 0 h 5115107"/>
              <a:gd name="connsiteX8" fmla="*/ 2955375 w 5112000"/>
              <a:gd name="connsiteY8" fmla="*/ 0 h 5115107"/>
              <a:gd name="connsiteX9" fmla="*/ 3213877 w 5112000"/>
              <a:gd name="connsiteY9" fmla="*/ 0 h 5115107"/>
              <a:gd name="connsiteX10" fmla="*/ 3450850 w 5112000"/>
              <a:gd name="connsiteY10" fmla="*/ 0 h 5115107"/>
              <a:gd name="connsiteX11" fmla="*/ 3667230 w 5112000"/>
              <a:gd name="connsiteY11" fmla="*/ 0 h 5115107"/>
              <a:gd name="connsiteX12" fmla="*/ 3863953 w 5112000"/>
              <a:gd name="connsiteY12" fmla="*/ 0 h 5115107"/>
              <a:gd name="connsiteX13" fmla="*/ 4041956 w 5112000"/>
              <a:gd name="connsiteY13" fmla="*/ 0 h 5115107"/>
              <a:gd name="connsiteX14" fmla="*/ 4202174 w 5112000"/>
              <a:gd name="connsiteY14" fmla="*/ 0 h 5115107"/>
              <a:gd name="connsiteX15" fmla="*/ 4345543 w 5112000"/>
              <a:gd name="connsiteY15" fmla="*/ 0 h 5115107"/>
              <a:gd name="connsiteX16" fmla="*/ 4473000 w 5112000"/>
              <a:gd name="connsiteY16" fmla="*/ 0 h 5115107"/>
              <a:gd name="connsiteX17" fmla="*/ 4585480 w 5112000"/>
              <a:gd name="connsiteY17" fmla="*/ 0 h 5115107"/>
              <a:gd name="connsiteX18" fmla="*/ 4683920 w 5112000"/>
              <a:gd name="connsiteY18" fmla="*/ 0 h 5115107"/>
              <a:gd name="connsiteX19" fmla="*/ 4769255 w 5112000"/>
              <a:gd name="connsiteY19" fmla="*/ 0 h 5115107"/>
              <a:gd name="connsiteX20" fmla="*/ 4842422 w 5112000"/>
              <a:gd name="connsiteY20" fmla="*/ 0 h 5115107"/>
              <a:gd name="connsiteX21" fmla="*/ 4904356 w 5112000"/>
              <a:gd name="connsiteY21" fmla="*/ 0 h 5115107"/>
              <a:gd name="connsiteX22" fmla="*/ 4955994 w 5112000"/>
              <a:gd name="connsiteY22" fmla="*/ 0 h 5115107"/>
              <a:gd name="connsiteX23" fmla="*/ 4998272 w 5112000"/>
              <a:gd name="connsiteY23" fmla="*/ 0 h 5115107"/>
              <a:gd name="connsiteX24" fmla="*/ 5032125 w 5112000"/>
              <a:gd name="connsiteY24" fmla="*/ 0 h 5115107"/>
              <a:gd name="connsiteX25" fmla="*/ 5078303 w 5112000"/>
              <a:gd name="connsiteY25" fmla="*/ 0 h 5115107"/>
              <a:gd name="connsiteX26" fmla="*/ 5102016 w 5112000"/>
              <a:gd name="connsiteY26" fmla="*/ 0 h 5115107"/>
              <a:gd name="connsiteX27" fmla="*/ 5110752 w 5112000"/>
              <a:gd name="connsiteY27" fmla="*/ 0 h 5115107"/>
              <a:gd name="connsiteX28" fmla="*/ 5112000 w 5112000"/>
              <a:gd name="connsiteY28" fmla="*/ 0 h 5115107"/>
              <a:gd name="connsiteX29" fmla="*/ 5112000 w 5112000"/>
              <a:gd name="connsiteY29" fmla="*/ 402943 h 5115107"/>
              <a:gd name="connsiteX30" fmla="*/ 5112000 w 5112000"/>
              <a:gd name="connsiteY30" fmla="*/ 780710 h 5115107"/>
              <a:gd name="connsiteX31" fmla="*/ 5112000 w 5112000"/>
              <a:gd name="connsiteY31" fmla="*/ 1134114 h 5115107"/>
              <a:gd name="connsiteX32" fmla="*/ 5112000 w 5112000"/>
              <a:gd name="connsiteY32" fmla="*/ 1463966 h 5115107"/>
              <a:gd name="connsiteX33" fmla="*/ 5112000 w 5112000"/>
              <a:gd name="connsiteY33" fmla="*/ 1771080 h 5115107"/>
              <a:gd name="connsiteX34" fmla="*/ 5112000 w 5112000"/>
              <a:gd name="connsiteY34" fmla="*/ 2056266 h 5115107"/>
              <a:gd name="connsiteX35" fmla="*/ 5112000 w 5112000"/>
              <a:gd name="connsiteY35" fmla="*/ 2320338 h 5115107"/>
              <a:gd name="connsiteX36" fmla="*/ 5112000 w 5112000"/>
              <a:gd name="connsiteY36" fmla="*/ 2564106 h 5115107"/>
              <a:gd name="connsiteX37" fmla="*/ 5112000 w 5112000"/>
              <a:gd name="connsiteY37" fmla="*/ 2788385 h 5115107"/>
              <a:gd name="connsiteX38" fmla="*/ 5112000 w 5112000"/>
              <a:gd name="connsiteY38" fmla="*/ 2993984 h 5115107"/>
              <a:gd name="connsiteX39" fmla="*/ 5112000 w 5112000"/>
              <a:gd name="connsiteY39" fmla="*/ 3181717 h 5115107"/>
              <a:gd name="connsiteX40" fmla="*/ 5112000 w 5112000"/>
              <a:gd name="connsiteY40" fmla="*/ 3352396 h 5115107"/>
              <a:gd name="connsiteX41" fmla="*/ 5112000 w 5112000"/>
              <a:gd name="connsiteY41" fmla="*/ 3506832 h 5115107"/>
              <a:gd name="connsiteX42" fmla="*/ 5112000 w 5112000"/>
              <a:gd name="connsiteY42" fmla="*/ 3645839 h 5115107"/>
              <a:gd name="connsiteX43" fmla="*/ 5112000 w 5112000"/>
              <a:gd name="connsiteY43" fmla="*/ 3770227 h 5115107"/>
              <a:gd name="connsiteX44" fmla="*/ 5112000 w 5112000"/>
              <a:gd name="connsiteY44" fmla="*/ 3880810 h 5115107"/>
              <a:gd name="connsiteX45" fmla="*/ 5112000 w 5112000"/>
              <a:gd name="connsiteY45" fmla="*/ 3978398 h 5115107"/>
              <a:gd name="connsiteX46" fmla="*/ 5112000 w 5112000"/>
              <a:gd name="connsiteY46" fmla="*/ 4063806 h 5115107"/>
              <a:gd name="connsiteX47" fmla="*/ 5112000 w 5112000"/>
              <a:gd name="connsiteY47" fmla="*/ 4137843 h 5115107"/>
              <a:gd name="connsiteX48" fmla="*/ 5112000 w 5112000"/>
              <a:gd name="connsiteY48" fmla="*/ 4201323 h 5115107"/>
              <a:gd name="connsiteX49" fmla="*/ 5112000 w 5112000"/>
              <a:gd name="connsiteY49" fmla="*/ 4255058 h 5115107"/>
              <a:gd name="connsiteX50" fmla="*/ 5112000 w 5112000"/>
              <a:gd name="connsiteY50" fmla="*/ 4299859 h 5115107"/>
              <a:gd name="connsiteX51" fmla="*/ 5112000 w 5112000"/>
              <a:gd name="connsiteY51" fmla="*/ 4336540 h 5115107"/>
              <a:gd name="connsiteX52" fmla="*/ 5112000 w 5112000"/>
              <a:gd name="connsiteY52" fmla="*/ 4365911 h 5115107"/>
              <a:gd name="connsiteX53" fmla="*/ 5112000 w 5112000"/>
              <a:gd name="connsiteY53" fmla="*/ 4405975 h 5115107"/>
              <a:gd name="connsiteX54" fmla="*/ 5112000 w 5112000"/>
              <a:gd name="connsiteY54" fmla="*/ 4426549 h 5115107"/>
              <a:gd name="connsiteX55" fmla="*/ 5112000 w 5112000"/>
              <a:gd name="connsiteY55" fmla="*/ 4434128 h 5115107"/>
              <a:gd name="connsiteX56" fmla="*/ 5112000 w 5112000"/>
              <a:gd name="connsiteY56" fmla="*/ 4435211 h 5115107"/>
              <a:gd name="connsiteX57" fmla="*/ 4432517 w 5112000"/>
              <a:gd name="connsiteY57" fmla="*/ 5115107 h 5115107"/>
              <a:gd name="connsiteX58" fmla="*/ 0 w 5112000"/>
              <a:gd name="connsiteY58" fmla="*/ 5115107 h 511510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5112000" h="5115107">
                <a:moveTo>
                  <a:pt x="0" y="0"/>
                </a:moveTo>
                <a:lnTo>
                  <a:pt x="464430" y="0"/>
                </a:lnTo>
                <a:lnTo>
                  <a:pt x="899842" y="0"/>
                </a:lnTo>
                <a:lnTo>
                  <a:pt x="1307173" y="0"/>
                </a:lnTo>
                <a:lnTo>
                  <a:pt x="1687360" y="0"/>
                </a:lnTo>
                <a:lnTo>
                  <a:pt x="2041337" y="0"/>
                </a:lnTo>
                <a:lnTo>
                  <a:pt x="2370041" y="0"/>
                </a:lnTo>
                <a:lnTo>
                  <a:pt x="2674409" y="0"/>
                </a:lnTo>
                <a:lnTo>
                  <a:pt x="2955375" y="0"/>
                </a:lnTo>
                <a:lnTo>
                  <a:pt x="3213877" y="0"/>
                </a:lnTo>
                <a:lnTo>
                  <a:pt x="3450850" y="0"/>
                </a:lnTo>
                <a:lnTo>
                  <a:pt x="3667230" y="0"/>
                </a:lnTo>
                <a:lnTo>
                  <a:pt x="3863953" y="0"/>
                </a:lnTo>
                <a:lnTo>
                  <a:pt x="4041956" y="0"/>
                </a:lnTo>
                <a:lnTo>
                  <a:pt x="4202174" y="0"/>
                </a:lnTo>
                <a:lnTo>
                  <a:pt x="4345543" y="0"/>
                </a:lnTo>
                <a:lnTo>
                  <a:pt x="4473000" y="0"/>
                </a:lnTo>
                <a:lnTo>
                  <a:pt x="4585480" y="0"/>
                </a:lnTo>
                <a:lnTo>
                  <a:pt x="4683920" y="0"/>
                </a:lnTo>
                <a:lnTo>
                  <a:pt x="4769255" y="0"/>
                </a:lnTo>
                <a:lnTo>
                  <a:pt x="4842422" y="0"/>
                </a:lnTo>
                <a:lnTo>
                  <a:pt x="4904356" y="0"/>
                </a:lnTo>
                <a:lnTo>
                  <a:pt x="4955994" y="0"/>
                </a:lnTo>
                <a:lnTo>
                  <a:pt x="4998272" y="0"/>
                </a:lnTo>
                <a:lnTo>
                  <a:pt x="5032125" y="0"/>
                </a:lnTo>
                <a:lnTo>
                  <a:pt x="5078303" y="0"/>
                </a:lnTo>
                <a:lnTo>
                  <a:pt x="5102016" y="0"/>
                </a:lnTo>
                <a:lnTo>
                  <a:pt x="5110752" y="0"/>
                </a:lnTo>
                <a:lnTo>
                  <a:pt x="5112000" y="0"/>
                </a:lnTo>
                <a:lnTo>
                  <a:pt x="5112000" y="402943"/>
                </a:lnTo>
                <a:lnTo>
                  <a:pt x="5112000" y="780710"/>
                </a:lnTo>
                <a:lnTo>
                  <a:pt x="5112000" y="1134114"/>
                </a:lnTo>
                <a:lnTo>
                  <a:pt x="5112000" y="1463966"/>
                </a:lnTo>
                <a:lnTo>
                  <a:pt x="5112000" y="1771080"/>
                </a:lnTo>
                <a:lnTo>
                  <a:pt x="5112000" y="2056266"/>
                </a:lnTo>
                <a:lnTo>
                  <a:pt x="5112000" y="2320338"/>
                </a:lnTo>
                <a:lnTo>
                  <a:pt x="5112000" y="2564106"/>
                </a:lnTo>
                <a:lnTo>
                  <a:pt x="5112000" y="2788385"/>
                </a:lnTo>
                <a:lnTo>
                  <a:pt x="5112000" y="2993984"/>
                </a:lnTo>
                <a:lnTo>
                  <a:pt x="5112000" y="3181717"/>
                </a:lnTo>
                <a:lnTo>
                  <a:pt x="5112000" y="3352396"/>
                </a:lnTo>
                <a:lnTo>
                  <a:pt x="5112000" y="3506832"/>
                </a:lnTo>
                <a:lnTo>
                  <a:pt x="5112000" y="3645839"/>
                </a:lnTo>
                <a:lnTo>
                  <a:pt x="5112000" y="3770227"/>
                </a:lnTo>
                <a:lnTo>
                  <a:pt x="5112000" y="3880810"/>
                </a:lnTo>
                <a:lnTo>
                  <a:pt x="5112000" y="3978398"/>
                </a:lnTo>
                <a:lnTo>
                  <a:pt x="5112000" y="4063806"/>
                </a:lnTo>
                <a:lnTo>
                  <a:pt x="5112000" y="4137843"/>
                </a:lnTo>
                <a:lnTo>
                  <a:pt x="5112000" y="4201323"/>
                </a:lnTo>
                <a:lnTo>
                  <a:pt x="5112000" y="4255058"/>
                </a:lnTo>
                <a:lnTo>
                  <a:pt x="5112000" y="4299859"/>
                </a:lnTo>
                <a:lnTo>
                  <a:pt x="5112000" y="4336540"/>
                </a:lnTo>
                <a:lnTo>
                  <a:pt x="5112000" y="4365911"/>
                </a:lnTo>
                <a:lnTo>
                  <a:pt x="5112000" y="4405975"/>
                </a:lnTo>
                <a:lnTo>
                  <a:pt x="5112000" y="4426549"/>
                </a:lnTo>
                <a:lnTo>
                  <a:pt x="5112000" y="4434128"/>
                </a:lnTo>
                <a:lnTo>
                  <a:pt x="5112000" y="4435211"/>
                </a:lnTo>
                <a:cubicBezTo>
                  <a:pt x="4848462" y="4698909"/>
                  <a:pt x="4699230" y="4848232"/>
                  <a:pt x="4432517" y="5115107"/>
                </a:cubicBezTo>
                <a:cubicBezTo>
                  <a:pt x="0" y="5115107"/>
                  <a:pt x="0" y="5115107"/>
                  <a:pt x="0" y="5115107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wrap="square" lIns="216000" tIns="180000" rIns="216000" bIns="2520000" anchor="t" anchorCtr="0">
            <a:noAutofit/>
          </a:bodyPr>
          <a:lstStyle>
            <a:lvl1pPr algn="l">
              <a:lnSpc>
                <a:spcPct val="91000"/>
              </a:lnSpc>
              <a:defRPr sz="2200">
                <a:solidFill>
                  <a:schemeClr val="bg2"/>
                </a:solidFill>
              </a:defRPr>
            </a:lvl1pPr>
          </a:lstStyle>
          <a:p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itle</a:t>
            </a:r>
            <a:r>
              <a:rPr lang="da-DK" dirty="0"/>
              <a:t> style</a:t>
            </a:r>
          </a:p>
        </p:txBody>
      </p:sp>
      <p:sp>
        <p:nvSpPr>
          <p:cNvPr id="4" name="Text Placeholder 2"/>
          <p:cNvSpPr>
            <a:spLocks noGrp="1"/>
          </p:cNvSpPr>
          <p:nvPr>
            <p:ph type="body" sz="quarter" idx="18"/>
          </p:nvPr>
        </p:nvSpPr>
        <p:spPr>
          <a:xfrm>
            <a:off x="1539874" y="3748035"/>
            <a:ext cx="3780000" cy="2352728"/>
          </a:xfrm>
        </p:spPr>
        <p:txBody>
          <a:bodyPr lIns="216000" rIns="216000"/>
          <a:lstStyle>
            <a:lvl1pPr marL="0" indent="0">
              <a:spcAft>
                <a:spcPts val="500"/>
              </a:spcAft>
              <a:buFontTx/>
              <a:buNone/>
              <a:defRPr>
                <a:solidFill>
                  <a:schemeClr val="bg2"/>
                </a:solidFill>
              </a:defRPr>
            </a:lvl1pPr>
            <a:lvl2pPr marL="216000" indent="0">
              <a:spcAft>
                <a:spcPts val="500"/>
              </a:spcAft>
              <a:buFontTx/>
              <a:buNone/>
              <a:defRPr>
                <a:solidFill>
                  <a:schemeClr val="bg2"/>
                </a:solidFill>
              </a:defRPr>
            </a:lvl2pPr>
            <a:lvl3pPr marL="432000" indent="0">
              <a:spcAft>
                <a:spcPts val="500"/>
              </a:spcAft>
              <a:buFontTx/>
              <a:buNone/>
              <a:defRPr>
                <a:solidFill>
                  <a:schemeClr val="bg2"/>
                </a:solidFill>
              </a:defRPr>
            </a:lvl3pPr>
            <a:lvl4pPr marL="648000" indent="0">
              <a:spcAft>
                <a:spcPts val="500"/>
              </a:spcAft>
              <a:buFontTx/>
              <a:buNone/>
              <a:defRPr>
                <a:solidFill>
                  <a:schemeClr val="bg2"/>
                </a:solidFill>
              </a:defRPr>
            </a:lvl4pPr>
            <a:lvl5pPr marL="864000" indent="0">
              <a:spcAft>
                <a:spcPts val="500"/>
              </a:spcAft>
              <a:buFontTx/>
              <a:buNone/>
              <a:defRPr>
                <a:solidFill>
                  <a:schemeClr val="bg2"/>
                </a:solidFill>
              </a:defRPr>
            </a:lvl5pPr>
          </a:lstStyle>
          <a:p>
            <a:pPr lvl="0"/>
            <a:r>
              <a:rPr lang="da-DK" dirty="0"/>
              <a:t>Edit Master text styles</a:t>
            </a:r>
          </a:p>
          <a:p>
            <a:pPr lvl="1"/>
            <a:r>
              <a:rPr lang="da-DK" dirty="0"/>
              <a:t>Second level</a:t>
            </a:r>
          </a:p>
          <a:p>
            <a:pPr lvl="2"/>
            <a:r>
              <a:rPr lang="da-DK" dirty="0"/>
              <a:t>Third level</a:t>
            </a:r>
          </a:p>
          <a:p>
            <a:pPr lvl="3"/>
            <a:r>
              <a:rPr lang="da-DK" dirty="0"/>
              <a:t>Fourth level</a:t>
            </a:r>
          </a:p>
          <a:p>
            <a:pPr lvl="4"/>
            <a:r>
              <a:rPr lang="da-DK" dirty="0"/>
              <a:t>Fifth level</a:t>
            </a:r>
          </a:p>
        </p:txBody>
      </p:sp>
      <p:sp>
        <p:nvSpPr>
          <p:cNvPr id="11" name="Faktaboks 3"/>
          <p:cNvSpPr>
            <a:spLocks noGrp="1"/>
          </p:cNvSpPr>
          <p:nvPr>
            <p:ph type="body" sz="quarter" idx="16"/>
          </p:nvPr>
        </p:nvSpPr>
        <p:spPr>
          <a:xfrm>
            <a:off x="5536800" y="4204800"/>
            <a:ext cx="2448000" cy="2451102"/>
          </a:xfrm>
          <a:custGeom>
            <a:avLst/>
            <a:gdLst>
              <a:gd name="connsiteX0" fmla="*/ 0 w 2448000"/>
              <a:gd name="connsiteY0" fmla="*/ 0 h 2451102"/>
              <a:gd name="connsiteX1" fmla="*/ 222403 w 2448000"/>
              <a:gd name="connsiteY1" fmla="*/ 0 h 2451102"/>
              <a:gd name="connsiteX2" fmla="*/ 430910 w 2448000"/>
              <a:gd name="connsiteY2" fmla="*/ 0 h 2451102"/>
              <a:gd name="connsiteX3" fmla="*/ 625970 w 2448000"/>
              <a:gd name="connsiteY3" fmla="*/ 0 h 2451102"/>
              <a:gd name="connsiteX4" fmla="*/ 808032 w 2448000"/>
              <a:gd name="connsiteY4" fmla="*/ 0 h 2451102"/>
              <a:gd name="connsiteX5" fmla="*/ 977542 w 2448000"/>
              <a:gd name="connsiteY5" fmla="*/ 0 h 2451102"/>
              <a:gd name="connsiteX6" fmla="*/ 1134950 w 2448000"/>
              <a:gd name="connsiteY6" fmla="*/ 0 h 2451102"/>
              <a:gd name="connsiteX7" fmla="*/ 1280703 w 2448000"/>
              <a:gd name="connsiteY7" fmla="*/ 0 h 2451102"/>
              <a:gd name="connsiteX8" fmla="*/ 1415250 w 2448000"/>
              <a:gd name="connsiteY8" fmla="*/ 0 h 2451102"/>
              <a:gd name="connsiteX9" fmla="*/ 1539040 w 2448000"/>
              <a:gd name="connsiteY9" fmla="*/ 0 h 2451102"/>
              <a:gd name="connsiteX10" fmla="*/ 1652520 w 2448000"/>
              <a:gd name="connsiteY10" fmla="*/ 0 h 2451102"/>
              <a:gd name="connsiteX11" fmla="*/ 1756138 w 2448000"/>
              <a:gd name="connsiteY11" fmla="*/ 0 h 2451102"/>
              <a:gd name="connsiteX12" fmla="*/ 1850344 w 2448000"/>
              <a:gd name="connsiteY12" fmla="*/ 0 h 2451102"/>
              <a:gd name="connsiteX13" fmla="*/ 1935585 w 2448000"/>
              <a:gd name="connsiteY13" fmla="*/ 0 h 2451102"/>
              <a:gd name="connsiteX14" fmla="*/ 2012309 w 2448000"/>
              <a:gd name="connsiteY14" fmla="*/ 0 h 2451102"/>
              <a:gd name="connsiteX15" fmla="*/ 2080965 w 2448000"/>
              <a:gd name="connsiteY15" fmla="*/ 0 h 2451102"/>
              <a:gd name="connsiteX16" fmla="*/ 2142000 w 2448000"/>
              <a:gd name="connsiteY16" fmla="*/ 0 h 2451102"/>
              <a:gd name="connsiteX17" fmla="*/ 2243004 w 2448000"/>
              <a:gd name="connsiteY17" fmla="*/ 0 h 2451102"/>
              <a:gd name="connsiteX18" fmla="*/ 2318906 w 2448000"/>
              <a:gd name="connsiteY18" fmla="*/ 0 h 2451102"/>
              <a:gd name="connsiteX19" fmla="*/ 2373293 w 2448000"/>
              <a:gd name="connsiteY19" fmla="*/ 0 h 2451102"/>
              <a:gd name="connsiteX20" fmla="*/ 2409750 w 2448000"/>
              <a:gd name="connsiteY20" fmla="*/ 0 h 2451102"/>
              <a:gd name="connsiteX21" fmla="*/ 2431864 w 2448000"/>
              <a:gd name="connsiteY21" fmla="*/ 0 h 2451102"/>
              <a:gd name="connsiteX22" fmla="*/ 2443219 w 2448000"/>
              <a:gd name="connsiteY22" fmla="*/ 0 h 2451102"/>
              <a:gd name="connsiteX23" fmla="*/ 2448000 w 2448000"/>
              <a:gd name="connsiteY23" fmla="*/ 0 h 2451102"/>
              <a:gd name="connsiteX24" fmla="*/ 2448000 w 2448000"/>
              <a:gd name="connsiteY24" fmla="*/ 192936 h 2451102"/>
              <a:gd name="connsiteX25" fmla="*/ 2448000 w 2448000"/>
              <a:gd name="connsiteY25" fmla="*/ 373817 h 2451102"/>
              <a:gd name="connsiteX26" fmla="*/ 2448000 w 2448000"/>
              <a:gd name="connsiteY26" fmla="*/ 543032 h 2451102"/>
              <a:gd name="connsiteX27" fmla="*/ 2448000 w 2448000"/>
              <a:gd name="connsiteY27" fmla="*/ 700971 h 2451102"/>
              <a:gd name="connsiteX28" fmla="*/ 2448000 w 2448000"/>
              <a:gd name="connsiteY28" fmla="*/ 848022 h 2451102"/>
              <a:gd name="connsiteX29" fmla="*/ 2448000 w 2448000"/>
              <a:gd name="connsiteY29" fmla="*/ 984574 h 2451102"/>
              <a:gd name="connsiteX30" fmla="*/ 2448000 w 2448000"/>
              <a:gd name="connsiteY30" fmla="*/ 1111016 h 2451102"/>
              <a:gd name="connsiteX31" fmla="*/ 2448000 w 2448000"/>
              <a:gd name="connsiteY31" fmla="*/ 1227737 h 2451102"/>
              <a:gd name="connsiteX32" fmla="*/ 2448000 w 2448000"/>
              <a:gd name="connsiteY32" fmla="*/ 1335125 h 2451102"/>
              <a:gd name="connsiteX33" fmla="*/ 2448000 w 2448000"/>
              <a:gd name="connsiteY33" fmla="*/ 1433569 h 2451102"/>
              <a:gd name="connsiteX34" fmla="*/ 2448000 w 2448000"/>
              <a:gd name="connsiteY34" fmla="*/ 1523459 h 2451102"/>
              <a:gd name="connsiteX35" fmla="*/ 2448000 w 2448000"/>
              <a:gd name="connsiteY35" fmla="*/ 1605183 h 2451102"/>
              <a:gd name="connsiteX36" fmla="*/ 2448000 w 2448000"/>
              <a:gd name="connsiteY36" fmla="*/ 1679129 h 2451102"/>
              <a:gd name="connsiteX37" fmla="*/ 2448000 w 2448000"/>
              <a:gd name="connsiteY37" fmla="*/ 1745688 h 2451102"/>
              <a:gd name="connsiteX38" fmla="*/ 2448000 w 2448000"/>
              <a:gd name="connsiteY38" fmla="*/ 1858196 h 2451102"/>
              <a:gd name="connsiteX39" fmla="*/ 2448000 w 2448000"/>
              <a:gd name="connsiteY39" fmla="*/ 1945817 h 2451102"/>
              <a:gd name="connsiteX40" fmla="*/ 2448000 w 2448000"/>
              <a:gd name="connsiteY40" fmla="*/ 2011663 h 2451102"/>
              <a:gd name="connsiteX41" fmla="*/ 2448000 w 2448000"/>
              <a:gd name="connsiteY41" fmla="*/ 2058844 h 2451102"/>
              <a:gd name="connsiteX42" fmla="*/ 2448000 w 2448000"/>
              <a:gd name="connsiteY42" fmla="*/ 2090471 h 2451102"/>
              <a:gd name="connsiteX43" fmla="*/ 2448000 w 2448000"/>
              <a:gd name="connsiteY43" fmla="*/ 2109654 h 2451102"/>
              <a:gd name="connsiteX44" fmla="*/ 2448000 w 2448000"/>
              <a:gd name="connsiteY44" fmla="*/ 2119505 h 2451102"/>
              <a:gd name="connsiteX45" fmla="*/ 2448000 w 2448000"/>
              <a:gd name="connsiteY45" fmla="*/ 2123653 h 2451102"/>
              <a:gd name="connsiteX46" fmla="*/ 2124140 w 2448000"/>
              <a:gd name="connsiteY46" fmla="*/ 2451102 h 2451102"/>
              <a:gd name="connsiteX47" fmla="*/ 0 w 2448000"/>
              <a:gd name="connsiteY47" fmla="*/ 2451102 h 245110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</a:cxnLst>
            <a:rect l="l" t="t" r="r" b="b"/>
            <a:pathLst>
              <a:path w="2448000" h="2451102">
                <a:moveTo>
                  <a:pt x="0" y="0"/>
                </a:moveTo>
                <a:lnTo>
                  <a:pt x="222403" y="0"/>
                </a:lnTo>
                <a:lnTo>
                  <a:pt x="430910" y="0"/>
                </a:lnTo>
                <a:lnTo>
                  <a:pt x="625970" y="0"/>
                </a:lnTo>
                <a:lnTo>
                  <a:pt x="808032" y="0"/>
                </a:lnTo>
                <a:lnTo>
                  <a:pt x="977542" y="0"/>
                </a:lnTo>
                <a:lnTo>
                  <a:pt x="1134950" y="0"/>
                </a:lnTo>
                <a:lnTo>
                  <a:pt x="1280703" y="0"/>
                </a:lnTo>
                <a:lnTo>
                  <a:pt x="1415250" y="0"/>
                </a:lnTo>
                <a:lnTo>
                  <a:pt x="1539040" y="0"/>
                </a:lnTo>
                <a:lnTo>
                  <a:pt x="1652520" y="0"/>
                </a:lnTo>
                <a:lnTo>
                  <a:pt x="1756138" y="0"/>
                </a:lnTo>
                <a:lnTo>
                  <a:pt x="1850344" y="0"/>
                </a:lnTo>
                <a:lnTo>
                  <a:pt x="1935585" y="0"/>
                </a:lnTo>
                <a:lnTo>
                  <a:pt x="2012309" y="0"/>
                </a:lnTo>
                <a:lnTo>
                  <a:pt x="2080965" y="0"/>
                </a:lnTo>
                <a:lnTo>
                  <a:pt x="2142000" y="0"/>
                </a:lnTo>
                <a:lnTo>
                  <a:pt x="2243004" y="0"/>
                </a:lnTo>
                <a:lnTo>
                  <a:pt x="2318906" y="0"/>
                </a:lnTo>
                <a:lnTo>
                  <a:pt x="2373293" y="0"/>
                </a:lnTo>
                <a:lnTo>
                  <a:pt x="2409750" y="0"/>
                </a:lnTo>
                <a:lnTo>
                  <a:pt x="2431864" y="0"/>
                </a:lnTo>
                <a:lnTo>
                  <a:pt x="2443219" y="0"/>
                </a:lnTo>
                <a:lnTo>
                  <a:pt x="2448000" y="0"/>
                </a:lnTo>
                <a:lnTo>
                  <a:pt x="2448000" y="192936"/>
                </a:lnTo>
                <a:lnTo>
                  <a:pt x="2448000" y="373817"/>
                </a:lnTo>
                <a:lnTo>
                  <a:pt x="2448000" y="543032"/>
                </a:lnTo>
                <a:lnTo>
                  <a:pt x="2448000" y="700971"/>
                </a:lnTo>
                <a:lnTo>
                  <a:pt x="2448000" y="848022"/>
                </a:lnTo>
                <a:lnTo>
                  <a:pt x="2448000" y="984574"/>
                </a:lnTo>
                <a:lnTo>
                  <a:pt x="2448000" y="1111016"/>
                </a:lnTo>
                <a:lnTo>
                  <a:pt x="2448000" y="1227737"/>
                </a:lnTo>
                <a:lnTo>
                  <a:pt x="2448000" y="1335125"/>
                </a:lnTo>
                <a:lnTo>
                  <a:pt x="2448000" y="1433569"/>
                </a:lnTo>
                <a:lnTo>
                  <a:pt x="2448000" y="1523459"/>
                </a:lnTo>
                <a:lnTo>
                  <a:pt x="2448000" y="1605183"/>
                </a:lnTo>
                <a:lnTo>
                  <a:pt x="2448000" y="1679129"/>
                </a:lnTo>
                <a:lnTo>
                  <a:pt x="2448000" y="1745688"/>
                </a:lnTo>
                <a:lnTo>
                  <a:pt x="2448000" y="1858196"/>
                </a:lnTo>
                <a:lnTo>
                  <a:pt x="2448000" y="1945817"/>
                </a:lnTo>
                <a:lnTo>
                  <a:pt x="2448000" y="2011663"/>
                </a:lnTo>
                <a:lnTo>
                  <a:pt x="2448000" y="2058844"/>
                </a:lnTo>
                <a:lnTo>
                  <a:pt x="2448000" y="2090471"/>
                </a:lnTo>
                <a:lnTo>
                  <a:pt x="2448000" y="2109654"/>
                </a:lnTo>
                <a:lnTo>
                  <a:pt x="2448000" y="2119505"/>
                </a:lnTo>
                <a:lnTo>
                  <a:pt x="2448000" y="2123653"/>
                </a:lnTo>
                <a:cubicBezTo>
                  <a:pt x="2324171" y="2250818"/>
                  <a:pt x="2251144" y="2323937"/>
                  <a:pt x="2124140" y="2451102"/>
                </a:cubicBezTo>
                <a:cubicBezTo>
                  <a:pt x="0" y="2451102"/>
                  <a:pt x="0" y="2451102"/>
                  <a:pt x="0" y="2451102"/>
                </a:cubicBezTo>
                <a:close/>
              </a:path>
            </a:pathLst>
          </a:custGeom>
          <a:solidFill>
            <a:schemeClr val="accent1"/>
          </a:solidFill>
        </p:spPr>
        <p:txBody>
          <a:bodyPr wrap="square" lIns="216000" tIns="216000" rIns="216000" bIns="216000" anchor="t" anchorCtr="0">
            <a:noAutofit/>
          </a:bodyPr>
          <a:lstStyle>
            <a:lvl1pPr marL="0" indent="0">
              <a:spcAft>
                <a:spcPts val="500"/>
              </a:spcAft>
              <a:buFont typeface="Arial" panose="020B0604020202020204" pitchFamily="34" charset="0"/>
              <a:buChar char="​"/>
              <a:defRPr sz="1400" b="1">
                <a:solidFill>
                  <a:schemeClr val="bg2"/>
                </a:solidFill>
              </a:defRPr>
            </a:lvl1pPr>
            <a:lvl2pPr marL="0" indent="0">
              <a:spcAft>
                <a:spcPts val="500"/>
              </a:spcAft>
              <a:buFont typeface="Arial" panose="020B0604020202020204" pitchFamily="34" charset="0"/>
              <a:buChar char="​"/>
              <a:defRPr sz="1400">
                <a:solidFill>
                  <a:schemeClr val="bg2"/>
                </a:solidFill>
              </a:defRPr>
            </a:lvl2pPr>
          </a:lstStyle>
          <a:p>
            <a:pPr lvl="0"/>
            <a:r>
              <a:rPr lang="da-DK" dirty="0"/>
              <a:t>Edit Master </a:t>
            </a:r>
            <a:r>
              <a:rPr lang="da-DK" dirty="0" err="1"/>
              <a:t>text</a:t>
            </a:r>
            <a:r>
              <a:rPr lang="da-DK" dirty="0"/>
              <a:t> styles</a:t>
            </a:r>
          </a:p>
          <a:p>
            <a:pPr lvl="1"/>
            <a:r>
              <a:rPr lang="da-DK" dirty="0"/>
              <a:t>2</a:t>
            </a:r>
          </a:p>
        </p:txBody>
      </p:sp>
      <p:sp>
        <p:nvSpPr>
          <p:cNvPr id="16" name="Content Placeholder 4"/>
          <p:cNvSpPr>
            <a:spLocks noGrp="1"/>
          </p:cNvSpPr>
          <p:nvPr>
            <p:ph sz="quarter" idx="17" hasCustomPrompt="1"/>
          </p:nvPr>
        </p:nvSpPr>
        <p:spPr>
          <a:xfrm>
            <a:off x="208800" y="1540800"/>
            <a:ext cx="1116000" cy="1116000"/>
          </a:xfrm>
        </p:spPr>
        <p:txBody>
          <a:bodyPr/>
          <a:lstStyle>
            <a:lvl1pPr marL="0" indent="0">
              <a:buNone/>
              <a:defRPr sz="1400" b="1"/>
            </a:lvl1pPr>
          </a:lstStyle>
          <a:p>
            <a:pPr lvl="0"/>
            <a:r>
              <a:rPr lang="da-DK" dirty="0"/>
              <a:t>Klik på denne pladsholder og indsæt ikon via Skyfish</a:t>
            </a:r>
          </a:p>
        </p:txBody>
      </p:sp>
      <p:sp>
        <p:nvSpPr>
          <p:cNvPr id="5" name="TextBox 4"/>
          <p:cNvSpPr txBox="1"/>
          <p:nvPr userDrawn="1"/>
        </p:nvSpPr>
        <p:spPr>
          <a:xfrm>
            <a:off x="-1" y="-300028"/>
            <a:ext cx="1188000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b="1" dirty="0"/>
              <a:t>Bemærk</a:t>
            </a:r>
            <a:r>
              <a:rPr lang="da-DK" sz="1200" dirty="0"/>
              <a:t>: På denne side kan billede/</a:t>
            </a:r>
            <a:r>
              <a:rPr lang="da-DK" sz="1200" dirty="0" err="1"/>
              <a:t>graﬁk</a:t>
            </a:r>
            <a:r>
              <a:rPr lang="da-DK" sz="1200" dirty="0"/>
              <a:t> udskiftes. Tekstboksen kan ﬂyttes rundt ift. billedet, vælg boksen</a:t>
            </a:r>
            <a:r>
              <a:rPr lang="da-DK" sz="1200" baseline="0" dirty="0"/>
              <a:t> og al teksten i boksen</a:t>
            </a:r>
            <a:r>
              <a:rPr lang="da-DK" sz="1200" dirty="0"/>
              <a:t>. Farven på tekst og tekstboks kan ændres til hvid/rød/grå.</a:t>
            </a:r>
          </a:p>
        </p:txBody>
      </p:sp>
      <p:sp>
        <p:nvSpPr>
          <p:cNvPr id="13" name="Slide Number Placeholder 5" hidden="1"/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r" defTabSz="914400" rtl="0" eaLnBrk="1" latinLnBrk="0" hangingPunct="1">
              <a:defRPr sz="100" b="1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rtl="0"/>
            <a:fld id="{24C8C45C-947F-4981-8B3F-4F32E973C901}" type="slidenum">
              <a:rPr lang="da-DK" smtClean="0"/>
              <a:pPr rtl="0"/>
              <a:t>‹nr.›</a:t>
            </a:fld>
            <a:endParaRPr lang="da-DK" dirty="0"/>
          </a:p>
        </p:txBody>
      </p:sp>
      <p:sp>
        <p:nvSpPr>
          <p:cNvPr id="14" name="Footer Placeholder 4" hidden="1"/>
          <p:cNvSpPr>
            <a:spLocks noGrp="1"/>
          </p:cNvSpPr>
          <p:nvPr>
            <p:ph type="ftr" sz="quarter" idx="3"/>
          </p:nvPr>
        </p:nvSpPr>
        <p:spPr>
          <a:xfrm>
            <a:off x="0" y="70644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 rtl="0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7" name="Date Placeholder 11" hidden="1"/>
          <p:cNvSpPr>
            <a:spLocks noGrp="1"/>
          </p:cNvSpPr>
          <p:nvPr>
            <p:ph type="dt" sz="half" idx="10"/>
          </p:nvPr>
        </p:nvSpPr>
        <p:spPr>
          <a:xfrm>
            <a:off x="0" y="6984000"/>
            <a:ext cx="0" cy="0"/>
          </a:xfrm>
        </p:spPr>
        <p:txBody>
          <a:bodyPr/>
          <a:lstStyle/>
          <a:p>
            <a:fld id="{D9FE36D3-6D8A-41B0-8F1B-2F75587B4040}" type="datetime2">
              <a:rPr lang="da-DK" smtClean="0"/>
              <a:t>22. november 2017</a:t>
            </a:fld>
            <a:endParaRPr lang="da-DK" dirty="0"/>
          </a:p>
        </p:txBody>
      </p:sp>
      <p:sp>
        <p:nvSpPr>
          <p:cNvPr id="15" name="Placeholder logo"/>
          <p:cNvSpPr>
            <a:spLocks noGrp="1"/>
          </p:cNvSpPr>
          <p:nvPr>
            <p:ph type="body" sz="quarter" idx="19" hasCustomPrompt="1"/>
          </p:nvPr>
        </p:nvSpPr>
        <p:spPr>
          <a:xfrm>
            <a:off x="10809164" y="398179"/>
            <a:ext cx="1051200" cy="14868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en-US" dirty="0"/>
              <a:t>.</a:t>
            </a:r>
            <a:endParaRPr lang="da-DK" dirty="0"/>
          </a:p>
        </p:txBody>
      </p:sp>
      <p:sp>
        <p:nvSpPr>
          <p:cNvPr id="18" name="Rectangle 17"/>
          <p:cNvSpPr/>
          <p:nvPr userDrawn="1"/>
        </p:nvSpPr>
        <p:spPr>
          <a:xfrm>
            <a:off x="11765941" y="-300028"/>
            <a:ext cx="160500" cy="1605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0" name="Rectangle 19"/>
          <p:cNvSpPr/>
          <p:nvPr userDrawn="1"/>
        </p:nvSpPr>
        <p:spPr>
          <a:xfrm>
            <a:off x="11964594" y="-300028"/>
            <a:ext cx="160500" cy="160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1" name="Rectangle 20"/>
          <p:cNvSpPr/>
          <p:nvPr userDrawn="1"/>
        </p:nvSpPr>
        <p:spPr>
          <a:xfrm>
            <a:off x="12163247" y="-300028"/>
            <a:ext cx="160500" cy="1605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</p:spTree>
    <p:extLst>
      <p:ext uri="{BB962C8B-B14F-4D97-AF65-F5344CB8AC3E}">
        <p14:creationId xmlns:p14="http://schemas.microsoft.com/office/powerpoint/2010/main" val="334289115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ort billede, hvi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0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61600"/>
          </a:xfrm>
          <a:solidFill>
            <a:schemeClr val="bg1">
              <a:lumMod val="85000"/>
            </a:schemeClr>
          </a:solidFill>
        </p:spPr>
        <p:txBody>
          <a:bodyPr lIns="144000" tIns="180000" bIns="0" anchor="t" anchorCtr="0"/>
          <a:lstStyle>
            <a:lvl1pPr marL="0" indent="0" algn="l">
              <a:buNone/>
              <a:defRPr sz="1600"/>
            </a:lvl1pPr>
          </a:lstStyle>
          <a:p>
            <a:r>
              <a:rPr lang="da-DK" dirty="0"/>
              <a:t>Klik på denne pladsholder og indsæt billede via Skyfish</a:t>
            </a:r>
          </a:p>
        </p:txBody>
      </p:sp>
      <p:sp>
        <p:nvSpPr>
          <p:cNvPr id="19" name="Titel 1"/>
          <p:cNvSpPr>
            <a:spLocks noGrp="1"/>
          </p:cNvSpPr>
          <p:nvPr>
            <p:ph type="ctrTitle"/>
          </p:nvPr>
        </p:nvSpPr>
        <p:spPr>
          <a:xfrm>
            <a:off x="1539875" y="2873905"/>
            <a:ext cx="3779700" cy="3780000"/>
          </a:xfrm>
          <a:custGeom>
            <a:avLst/>
            <a:gdLst>
              <a:gd name="connsiteX0" fmla="*/ 0 w 5112000"/>
              <a:gd name="connsiteY0" fmla="*/ 0 h 5115107"/>
              <a:gd name="connsiteX1" fmla="*/ 464430 w 5112000"/>
              <a:gd name="connsiteY1" fmla="*/ 0 h 5115107"/>
              <a:gd name="connsiteX2" fmla="*/ 899842 w 5112000"/>
              <a:gd name="connsiteY2" fmla="*/ 0 h 5115107"/>
              <a:gd name="connsiteX3" fmla="*/ 1307173 w 5112000"/>
              <a:gd name="connsiteY3" fmla="*/ 0 h 5115107"/>
              <a:gd name="connsiteX4" fmla="*/ 1687360 w 5112000"/>
              <a:gd name="connsiteY4" fmla="*/ 0 h 5115107"/>
              <a:gd name="connsiteX5" fmla="*/ 2041337 w 5112000"/>
              <a:gd name="connsiteY5" fmla="*/ 0 h 5115107"/>
              <a:gd name="connsiteX6" fmla="*/ 2370041 w 5112000"/>
              <a:gd name="connsiteY6" fmla="*/ 0 h 5115107"/>
              <a:gd name="connsiteX7" fmla="*/ 2674409 w 5112000"/>
              <a:gd name="connsiteY7" fmla="*/ 0 h 5115107"/>
              <a:gd name="connsiteX8" fmla="*/ 2955375 w 5112000"/>
              <a:gd name="connsiteY8" fmla="*/ 0 h 5115107"/>
              <a:gd name="connsiteX9" fmla="*/ 3213877 w 5112000"/>
              <a:gd name="connsiteY9" fmla="*/ 0 h 5115107"/>
              <a:gd name="connsiteX10" fmla="*/ 3450850 w 5112000"/>
              <a:gd name="connsiteY10" fmla="*/ 0 h 5115107"/>
              <a:gd name="connsiteX11" fmla="*/ 3667230 w 5112000"/>
              <a:gd name="connsiteY11" fmla="*/ 0 h 5115107"/>
              <a:gd name="connsiteX12" fmla="*/ 3863953 w 5112000"/>
              <a:gd name="connsiteY12" fmla="*/ 0 h 5115107"/>
              <a:gd name="connsiteX13" fmla="*/ 4041956 w 5112000"/>
              <a:gd name="connsiteY13" fmla="*/ 0 h 5115107"/>
              <a:gd name="connsiteX14" fmla="*/ 4202174 w 5112000"/>
              <a:gd name="connsiteY14" fmla="*/ 0 h 5115107"/>
              <a:gd name="connsiteX15" fmla="*/ 4345543 w 5112000"/>
              <a:gd name="connsiteY15" fmla="*/ 0 h 5115107"/>
              <a:gd name="connsiteX16" fmla="*/ 4473000 w 5112000"/>
              <a:gd name="connsiteY16" fmla="*/ 0 h 5115107"/>
              <a:gd name="connsiteX17" fmla="*/ 4585480 w 5112000"/>
              <a:gd name="connsiteY17" fmla="*/ 0 h 5115107"/>
              <a:gd name="connsiteX18" fmla="*/ 4683920 w 5112000"/>
              <a:gd name="connsiteY18" fmla="*/ 0 h 5115107"/>
              <a:gd name="connsiteX19" fmla="*/ 4769255 w 5112000"/>
              <a:gd name="connsiteY19" fmla="*/ 0 h 5115107"/>
              <a:gd name="connsiteX20" fmla="*/ 4842422 w 5112000"/>
              <a:gd name="connsiteY20" fmla="*/ 0 h 5115107"/>
              <a:gd name="connsiteX21" fmla="*/ 4904356 w 5112000"/>
              <a:gd name="connsiteY21" fmla="*/ 0 h 5115107"/>
              <a:gd name="connsiteX22" fmla="*/ 4955994 w 5112000"/>
              <a:gd name="connsiteY22" fmla="*/ 0 h 5115107"/>
              <a:gd name="connsiteX23" fmla="*/ 4998272 w 5112000"/>
              <a:gd name="connsiteY23" fmla="*/ 0 h 5115107"/>
              <a:gd name="connsiteX24" fmla="*/ 5032125 w 5112000"/>
              <a:gd name="connsiteY24" fmla="*/ 0 h 5115107"/>
              <a:gd name="connsiteX25" fmla="*/ 5078303 w 5112000"/>
              <a:gd name="connsiteY25" fmla="*/ 0 h 5115107"/>
              <a:gd name="connsiteX26" fmla="*/ 5102016 w 5112000"/>
              <a:gd name="connsiteY26" fmla="*/ 0 h 5115107"/>
              <a:gd name="connsiteX27" fmla="*/ 5110752 w 5112000"/>
              <a:gd name="connsiteY27" fmla="*/ 0 h 5115107"/>
              <a:gd name="connsiteX28" fmla="*/ 5112000 w 5112000"/>
              <a:gd name="connsiteY28" fmla="*/ 0 h 5115107"/>
              <a:gd name="connsiteX29" fmla="*/ 5112000 w 5112000"/>
              <a:gd name="connsiteY29" fmla="*/ 402943 h 5115107"/>
              <a:gd name="connsiteX30" fmla="*/ 5112000 w 5112000"/>
              <a:gd name="connsiteY30" fmla="*/ 780710 h 5115107"/>
              <a:gd name="connsiteX31" fmla="*/ 5112000 w 5112000"/>
              <a:gd name="connsiteY31" fmla="*/ 1134114 h 5115107"/>
              <a:gd name="connsiteX32" fmla="*/ 5112000 w 5112000"/>
              <a:gd name="connsiteY32" fmla="*/ 1463966 h 5115107"/>
              <a:gd name="connsiteX33" fmla="*/ 5112000 w 5112000"/>
              <a:gd name="connsiteY33" fmla="*/ 1771080 h 5115107"/>
              <a:gd name="connsiteX34" fmla="*/ 5112000 w 5112000"/>
              <a:gd name="connsiteY34" fmla="*/ 2056266 h 5115107"/>
              <a:gd name="connsiteX35" fmla="*/ 5112000 w 5112000"/>
              <a:gd name="connsiteY35" fmla="*/ 2320338 h 5115107"/>
              <a:gd name="connsiteX36" fmla="*/ 5112000 w 5112000"/>
              <a:gd name="connsiteY36" fmla="*/ 2564106 h 5115107"/>
              <a:gd name="connsiteX37" fmla="*/ 5112000 w 5112000"/>
              <a:gd name="connsiteY37" fmla="*/ 2788385 h 5115107"/>
              <a:gd name="connsiteX38" fmla="*/ 5112000 w 5112000"/>
              <a:gd name="connsiteY38" fmla="*/ 2993984 h 5115107"/>
              <a:gd name="connsiteX39" fmla="*/ 5112000 w 5112000"/>
              <a:gd name="connsiteY39" fmla="*/ 3181717 h 5115107"/>
              <a:gd name="connsiteX40" fmla="*/ 5112000 w 5112000"/>
              <a:gd name="connsiteY40" fmla="*/ 3352396 h 5115107"/>
              <a:gd name="connsiteX41" fmla="*/ 5112000 w 5112000"/>
              <a:gd name="connsiteY41" fmla="*/ 3506832 h 5115107"/>
              <a:gd name="connsiteX42" fmla="*/ 5112000 w 5112000"/>
              <a:gd name="connsiteY42" fmla="*/ 3645839 h 5115107"/>
              <a:gd name="connsiteX43" fmla="*/ 5112000 w 5112000"/>
              <a:gd name="connsiteY43" fmla="*/ 3770227 h 5115107"/>
              <a:gd name="connsiteX44" fmla="*/ 5112000 w 5112000"/>
              <a:gd name="connsiteY44" fmla="*/ 3880810 h 5115107"/>
              <a:gd name="connsiteX45" fmla="*/ 5112000 w 5112000"/>
              <a:gd name="connsiteY45" fmla="*/ 3978398 h 5115107"/>
              <a:gd name="connsiteX46" fmla="*/ 5112000 w 5112000"/>
              <a:gd name="connsiteY46" fmla="*/ 4063806 h 5115107"/>
              <a:gd name="connsiteX47" fmla="*/ 5112000 w 5112000"/>
              <a:gd name="connsiteY47" fmla="*/ 4137843 h 5115107"/>
              <a:gd name="connsiteX48" fmla="*/ 5112000 w 5112000"/>
              <a:gd name="connsiteY48" fmla="*/ 4201323 h 5115107"/>
              <a:gd name="connsiteX49" fmla="*/ 5112000 w 5112000"/>
              <a:gd name="connsiteY49" fmla="*/ 4255058 h 5115107"/>
              <a:gd name="connsiteX50" fmla="*/ 5112000 w 5112000"/>
              <a:gd name="connsiteY50" fmla="*/ 4299859 h 5115107"/>
              <a:gd name="connsiteX51" fmla="*/ 5112000 w 5112000"/>
              <a:gd name="connsiteY51" fmla="*/ 4336540 h 5115107"/>
              <a:gd name="connsiteX52" fmla="*/ 5112000 w 5112000"/>
              <a:gd name="connsiteY52" fmla="*/ 4365911 h 5115107"/>
              <a:gd name="connsiteX53" fmla="*/ 5112000 w 5112000"/>
              <a:gd name="connsiteY53" fmla="*/ 4405975 h 5115107"/>
              <a:gd name="connsiteX54" fmla="*/ 5112000 w 5112000"/>
              <a:gd name="connsiteY54" fmla="*/ 4426549 h 5115107"/>
              <a:gd name="connsiteX55" fmla="*/ 5112000 w 5112000"/>
              <a:gd name="connsiteY55" fmla="*/ 4434128 h 5115107"/>
              <a:gd name="connsiteX56" fmla="*/ 5112000 w 5112000"/>
              <a:gd name="connsiteY56" fmla="*/ 4435211 h 5115107"/>
              <a:gd name="connsiteX57" fmla="*/ 4432517 w 5112000"/>
              <a:gd name="connsiteY57" fmla="*/ 5115107 h 5115107"/>
              <a:gd name="connsiteX58" fmla="*/ 0 w 5112000"/>
              <a:gd name="connsiteY58" fmla="*/ 5115107 h 511510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5112000" h="5115107">
                <a:moveTo>
                  <a:pt x="0" y="0"/>
                </a:moveTo>
                <a:lnTo>
                  <a:pt x="464430" y="0"/>
                </a:lnTo>
                <a:lnTo>
                  <a:pt x="899842" y="0"/>
                </a:lnTo>
                <a:lnTo>
                  <a:pt x="1307173" y="0"/>
                </a:lnTo>
                <a:lnTo>
                  <a:pt x="1687360" y="0"/>
                </a:lnTo>
                <a:lnTo>
                  <a:pt x="2041337" y="0"/>
                </a:lnTo>
                <a:lnTo>
                  <a:pt x="2370041" y="0"/>
                </a:lnTo>
                <a:lnTo>
                  <a:pt x="2674409" y="0"/>
                </a:lnTo>
                <a:lnTo>
                  <a:pt x="2955375" y="0"/>
                </a:lnTo>
                <a:lnTo>
                  <a:pt x="3213877" y="0"/>
                </a:lnTo>
                <a:lnTo>
                  <a:pt x="3450850" y="0"/>
                </a:lnTo>
                <a:lnTo>
                  <a:pt x="3667230" y="0"/>
                </a:lnTo>
                <a:lnTo>
                  <a:pt x="3863953" y="0"/>
                </a:lnTo>
                <a:lnTo>
                  <a:pt x="4041956" y="0"/>
                </a:lnTo>
                <a:lnTo>
                  <a:pt x="4202174" y="0"/>
                </a:lnTo>
                <a:lnTo>
                  <a:pt x="4345543" y="0"/>
                </a:lnTo>
                <a:lnTo>
                  <a:pt x="4473000" y="0"/>
                </a:lnTo>
                <a:lnTo>
                  <a:pt x="4585480" y="0"/>
                </a:lnTo>
                <a:lnTo>
                  <a:pt x="4683920" y="0"/>
                </a:lnTo>
                <a:lnTo>
                  <a:pt x="4769255" y="0"/>
                </a:lnTo>
                <a:lnTo>
                  <a:pt x="4842422" y="0"/>
                </a:lnTo>
                <a:lnTo>
                  <a:pt x="4904356" y="0"/>
                </a:lnTo>
                <a:lnTo>
                  <a:pt x="4955994" y="0"/>
                </a:lnTo>
                <a:lnTo>
                  <a:pt x="4998272" y="0"/>
                </a:lnTo>
                <a:lnTo>
                  <a:pt x="5032125" y="0"/>
                </a:lnTo>
                <a:lnTo>
                  <a:pt x="5078303" y="0"/>
                </a:lnTo>
                <a:lnTo>
                  <a:pt x="5102016" y="0"/>
                </a:lnTo>
                <a:lnTo>
                  <a:pt x="5110752" y="0"/>
                </a:lnTo>
                <a:lnTo>
                  <a:pt x="5112000" y="0"/>
                </a:lnTo>
                <a:lnTo>
                  <a:pt x="5112000" y="402943"/>
                </a:lnTo>
                <a:lnTo>
                  <a:pt x="5112000" y="780710"/>
                </a:lnTo>
                <a:lnTo>
                  <a:pt x="5112000" y="1134114"/>
                </a:lnTo>
                <a:lnTo>
                  <a:pt x="5112000" y="1463966"/>
                </a:lnTo>
                <a:lnTo>
                  <a:pt x="5112000" y="1771080"/>
                </a:lnTo>
                <a:lnTo>
                  <a:pt x="5112000" y="2056266"/>
                </a:lnTo>
                <a:lnTo>
                  <a:pt x="5112000" y="2320338"/>
                </a:lnTo>
                <a:lnTo>
                  <a:pt x="5112000" y="2564106"/>
                </a:lnTo>
                <a:lnTo>
                  <a:pt x="5112000" y="2788385"/>
                </a:lnTo>
                <a:lnTo>
                  <a:pt x="5112000" y="2993984"/>
                </a:lnTo>
                <a:lnTo>
                  <a:pt x="5112000" y="3181717"/>
                </a:lnTo>
                <a:lnTo>
                  <a:pt x="5112000" y="3352396"/>
                </a:lnTo>
                <a:lnTo>
                  <a:pt x="5112000" y="3506832"/>
                </a:lnTo>
                <a:lnTo>
                  <a:pt x="5112000" y="3645839"/>
                </a:lnTo>
                <a:lnTo>
                  <a:pt x="5112000" y="3770227"/>
                </a:lnTo>
                <a:lnTo>
                  <a:pt x="5112000" y="3880810"/>
                </a:lnTo>
                <a:lnTo>
                  <a:pt x="5112000" y="3978398"/>
                </a:lnTo>
                <a:lnTo>
                  <a:pt x="5112000" y="4063806"/>
                </a:lnTo>
                <a:lnTo>
                  <a:pt x="5112000" y="4137843"/>
                </a:lnTo>
                <a:lnTo>
                  <a:pt x="5112000" y="4201323"/>
                </a:lnTo>
                <a:lnTo>
                  <a:pt x="5112000" y="4255058"/>
                </a:lnTo>
                <a:lnTo>
                  <a:pt x="5112000" y="4299859"/>
                </a:lnTo>
                <a:lnTo>
                  <a:pt x="5112000" y="4336540"/>
                </a:lnTo>
                <a:lnTo>
                  <a:pt x="5112000" y="4365911"/>
                </a:lnTo>
                <a:lnTo>
                  <a:pt x="5112000" y="4405975"/>
                </a:lnTo>
                <a:lnTo>
                  <a:pt x="5112000" y="4426549"/>
                </a:lnTo>
                <a:lnTo>
                  <a:pt x="5112000" y="4434128"/>
                </a:lnTo>
                <a:lnTo>
                  <a:pt x="5112000" y="4435211"/>
                </a:lnTo>
                <a:cubicBezTo>
                  <a:pt x="4848462" y="4698909"/>
                  <a:pt x="4699230" y="4848232"/>
                  <a:pt x="4432517" y="5115107"/>
                </a:cubicBezTo>
                <a:cubicBezTo>
                  <a:pt x="0" y="5115107"/>
                  <a:pt x="0" y="5115107"/>
                  <a:pt x="0" y="5115107"/>
                </a:cubicBez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wrap="square" lIns="216000" tIns="180000" rIns="216000" bIns="2520000" anchor="t" anchorCtr="0">
            <a:noAutofit/>
          </a:bodyPr>
          <a:lstStyle>
            <a:lvl1pPr algn="l">
              <a:lnSpc>
                <a:spcPct val="91000"/>
              </a:lnSpc>
              <a:defRPr sz="2200">
                <a:solidFill>
                  <a:schemeClr val="accent1"/>
                </a:solidFill>
              </a:defRPr>
            </a:lvl1pPr>
          </a:lstStyle>
          <a:p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itle</a:t>
            </a:r>
            <a:r>
              <a:rPr lang="da-DK" dirty="0"/>
              <a:t> style</a:t>
            </a:r>
          </a:p>
        </p:txBody>
      </p:sp>
      <p:sp>
        <p:nvSpPr>
          <p:cNvPr id="4" name="Text Placeholder 2"/>
          <p:cNvSpPr>
            <a:spLocks noGrp="1"/>
          </p:cNvSpPr>
          <p:nvPr>
            <p:ph type="body" sz="quarter" idx="18"/>
          </p:nvPr>
        </p:nvSpPr>
        <p:spPr>
          <a:xfrm>
            <a:off x="1539874" y="3748035"/>
            <a:ext cx="3780000" cy="2352728"/>
          </a:xfrm>
        </p:spPr>
        <p:txBody>
          <a:bodyPr lIns="216000" rIns="216000"/>
          <a:lstStyle>
            <a:lvl1pPr marL="0" indent="0">
              <a:spcAft>
                <a:spcPts val="500"/>
              </a:spcAft>
              <a:buFontTx/>
              <a:buNone/>
              <a:defRPr>
                <a:solidFill>
                  <a:schemeClr val="accent1"/>
                </a:solidFill>
              </a:defRPr>
            </a:lvl1pPr>
            <a:lvl2pPr marL="216000" indent="0">
              <a:spcAft>
                <a:spcPts val="500"/>
              </a:spcAft>
              <a:buFontTx/>
              <a:buNone/>
              <a:defRPr>
                <a:solidFill>
                  <a:schemeClr val="accent1"/>
                </a:solidFill>
              </a:defRPr>
            </a:lvl2pPr>
            <a:lvl3pPr marL="432000" indent="0">
              <a:spcAft>
                <a:spcPts val="500"/>
              </a:spcAft>
              <a:buFontTx/>
              <a:buNone/>
              <a:defRPr>
                <a:solidFill>
                  <a:schemeClr val="accent1"/>
                </a:solidFill>
              </a:defRPr>
            </a:lvl3pPr>
            <a:lvl4pPr marL="648000" indent="0">
              <a:spcAft>
                <a:spcPts val="500"/>
              </a:spcAft>
              <a:buFontTx/>
              <a:buNone/>
              <a:defRPr>
                <a:solidFill>
                  <a:schemeClr val="accent1"/>
                </a:solidFill>
              </a:defRPr>
            </a:lvl4pPr>
            <a:lvl5pPr marL="864000" indent="0">
              <a:spcAft>
                <a:spcPts val="500"/>
              </a:spcAft>
              <a:buFontTx/>
              <a:buNone/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da-DK" dirty="0"/>
              <a:t>Edit Master text styles</a:t>
            </a:r>
          </a:p>
          <a:p>
            <a:pPr lvl="1"/>
            <a:r>
              <a:rPr lang="da-DK" dirty="0"/>
              <a:t>Second level</a:t>
            </a:r>
          </a:p>
          <a:p>
            <a:pPr lvl="2"/>
            <a:r>
              <a:rPr lang="da-DK" dirty="0"/>
              <a:t>Third level</a:t>
            </a:r>
          </a:p>
          <a:p>
            <a:pPr lvl="3"/>
            <a:r>
              <a:rPr lang="da-DK" dirty="0"/>
              <a:t>Fourth level</a:t>
            </a:r>
          </a:p>
          <a:p>
            <a:pPr lvl="4"/>
            <a:r>
              <a:rPr lang="da-DK" dirty="0"/>
              <a:t>Fifth level</a:t>
            </a:r>
          </a:p>
        </p:txBody>
      </p:sp>
      <p:sp>
        <p:nvSpPr>
          <p:cNvPr id="11" name="Faktaboks 3"/>
          <p:cNvSpPr>
            <a:spLocks noGrp="1"/>
          </p:cNvSpPr>
          <p:nvPr>
            <p:ph type="body" sz="quarter" idx="16"/>
          </p:nvPr>
        </p:nvSpPr>
        <p:spPr>
          <a:xfrm>
            <a:off x="5536800" y="4204800"/>
            <a:ext cx="2448000" cy="2451102"/>
          </a:xfrm>
          <a:custGeom>
            <a:avLst/>
            <a:gdLst>
              <a:gd name="connsiteX0" fmla="*/ 0 w 2448000"/>
              <a:gd name="connsiteY0" fmla="*/ 0 h 2451102"/>
              <a:gd name="connsiteX1" fmla="*/ 222403 w 2448000"/>
              <a:gd name="connsiteY1" fmla="*/ 0 h 2451102"/>
              <a:gd name="connsiteX2" fmla="*/ 430910 w 2448000"/>
              <a:gd name="connsiteY2" fmla="*/ 0 h 2451102"/>
              <a:gd name="connsiteX3" fmla="*/ 625970 w 2448000"/>
              <a:gd name="connsiteY3" fmla="*/ 0 h 2451102"/>
              <a:gd name="connsiteX4" fmla="*/ 808032 w 2448000"/>
              <a:gd name="connsiteY4" fmla="*/ 0 h 2451102"/>
              <a:gd name="connsiteX5" fmla="*/ 977542 w 2448000"/>
              <a:gd name="connsiteY5" fmla="*/ 0 h 2451102"/>
              <a:gd name="connsiteX6" fmla="*/ 1134950 w 2448000"/>
              <a:gd name="connsiteY6" fmla="*/ 0 h 2451102"/>
              <a:gd name="connsiteX7" fmla="*/ 1280703 w 2448000"/>
              <a:gd name="connsiteY7" fmla="*/ 0 h 2451102"/>
              <a:gd name="connsiteX8" fmla="*/ 1415250 w 2448000"/>
              <a:gd name="connsiteY8" fmla="*/ 0 h 2451102"/>
              <a:gd name="connsiteX9" fmla="*/ 1539040 w 2448000"/>
              <a:gd name="connsiteY9" fmla="*/ 0 h 2451102"/>
              <a:gd name="connsiteX10" fmla="*/ 1652520 w 2448000"/>
              <a:gd name="connsiteY10" fmla="*/ 0 h 2451102"/>
              <a:gd name="connsiteX11" fmla="*/ 1756138 w 2448000"/>
              <a:gd name="connsiteY11" fmla="*/ 0 h 2451102"/>
              <a:gd name="connsiteX12" fmla="*/ 1850344 w 2448000"/>
              <a:gd name="connsiteY12" fmla="*/ 0 h 2451102"/>
              <a:gd name="connsiteX13" fmla="*/ 1935585 w 2448000"/>
              <a:gd name="connsiteY13" fmla="*/ 0 h 2451102"/>
              <a:gd name="connsiteX14" fmla="*/ 2012309 w 2448000"/>
              <a:gd name="connsiteY14" fmla="*/ 0 h 2451102"/>
              <a:gd name="connsiteX15" fmla="*/ 2080965 w 2448000"/>
              <a:gd name="connsiteY15" fmla="*/ 0 h 2451102"/>
              <a:gd name="connsiteX16" fmla="*/ 2142000 w 2448000"/>
              <a:gd name="connsiteY16" fmla="*/ 0 h 2451102"/>
              <a:gd name="connsiteX17" fmla="*/ 2243004 w 2448000"/>
              <a:gd name="connsiteY17" fmla="*/ 0 h 2451102"/>
              <a:gd name="connsiteX18" fmla="*/ 2318906 w 2448000"/>
              <a:gd name="connsiteY18" fmla="*/ 0 h 2451102"/>
              <a:gd name="connsiteX19" fmla="*/ 2373293 w 2448000"/>
              <a:gd name="connsiteY19" fmla="*/ 0 h 2451102"/>
              <a:gd name="connsiteX20" fmla="*/ 2409750 w 2448000"/>
              <a:gd name="connsiteY20" fmla="*/ 0 h 2451102"/>
              <a:gd name="connsiteX21" fmla="*/ 2431864 w 2448000"/>
              <a:gd name="connsiteY21" fmla="*/ 0 h 2451102"/>
              <a:gd name="connsiteX22" fmla="*/ 2443219 w 2448000"/>
              <a:gd name="connsiteY22" fmla="*/ 0 h 2451102"/>
              <a:gd name="connsiteX23" fmla="*/ 2448000 w 2448000"/>
              <a:gd name="connsiteY23" fmla="*/ 0 h 2451102"/>
              <a:gd name="connsiteX24" fmla="*/ 2448000 w 2448000"/>
              <a:gd name="connsiteY24" fmla="*/ 192936 h 2451102"/>
              <a:gd name="connsiteX25" fmla="*/ 2448000 w 2448000"/>
              <a:gd name="connsiteY25" fmla="*/ 373817 h 2451102"/>
              <a:gd name="connsiteX26" fmla="*/ 2448000 w 2448000"/>
              <a:gd name="connsiteY26" fmla="*/ 543032 h 2451102"/>
              <a:gd name="connsiteX27" fmla="*/ 2448000 w 2448000"/>
              <a:gd name="connsiteY27" fmla="*/ 700971 h 2451102"/>
              <a:gd name="connsiteX28" fmla="*/ 2448000 w 2448000"/>
              <a:gd name="connsiteY28" fmla="*/ 848022 h 2451102"/>
              <a:gd name="connsiteX29" fmla="*/ 2448000 w 2448000"/>
              <a:gd name="connsiteY29" fmla="*/ 984574 h 2451102"/>
              <a:gd name="connsiteX30" fmla="*/ 2448000 w 2448000"/>
              <a:gd name="connsiteY30" fmla="*/ 1111016 h 2451102"/>
              <a:gd name="connsiteX31" fmla="*/ 2448000 w 2448000"/>
              <a:gd name="connsiteY31" fmla="*/ 1227737 h 2451102"/>
              <a:gd name="connsiteX32" fmla="*/ 2448000 w 2448000"/>
              <a:gd name="connsiteY32" fmla="*/ 1335125 h 2451102"/>
              <a:gd name="connsiteX33" fmla="*/ 2448000 w 2448000"/>
              <a:gd name="connsiteY33" fmla="*/ 1433569 h 2451102"/>
              <a:gd name="connsiteX34" fmla="*/ 2448000 w 2448000"/>
              <a:gd name="connsiteY34" fmla="*/ 1523459 h 2451102"/>
              <a:gd name="connsiteX35" fmla="*/ 2448000 w 2448000"/>
              <a:gd name="connsiteY35" fmla="*/ 1605183 h 2451102"/>
              <a:gd name="connsiteX36" fmla="*/ 2448000 w 2448000"/>
              <a:gd name="connsiteY36" fmla="*/ 1679129 h 2451102"/>
              <a:gd name="connsiteX37" fmla="*/ 2448000 w 2448000"/>
              <a:gd name="connsiteY37" fmla="*/ 1745688 h 2451102"/>
              <a:gd name="connsiteX38" fmla="*/ 2448000 w 2448000"/>
              <a:gd name="connsiteY38" fmla="*/ 1858196 h 2451102"/>
              <a:gd name="connsiteX39" fmla="*/ 2448000 w 2448000"/>
              <a:gd name="connsiteY39" fmla="*/ 1945817 h 2451102"/>
              <a:gd name="connsiteX40" fmla="*/ 2448000 w 2448000"/>
              <a:gd name="connsiteY40" fmla="*/ 2011663 h 2451102"/>
              <a:gd name="connsiteX41" fmla="*/ 2448000 w 2448000"/>
              <a:gd name="connsiteY41" fmla="*/ 2058844 h 2451102"/>
              <a:gd name="connsiteX42" fmla="*/ 2448000 w 2448000"/>
              <a:gd name="connsiteY42" fmla="*/ 2090471 h 2451102"/>
              <a:gd name="connsiteX43" fmla="*/ 2448000 w 2448000"/>
              <a:gd name="connsiteY43" fmla="*/ 2109654 h 2451102"/>
              <a:gd name="connsiteX44" fmla="*/ 2448000 w 2448000"/>
              <a:gd name="connsiteY44" fmla="*/ 2119505 h 2451102"/>
              <a:gd name="connsiteX45" fmla="*/ 2448000 w 2448000"/>
              <a:gd name="connsiteY45" fmla="*/ 2123653 h 2451102"/>
              <a:gd name="connsiteX46" fmla="*/ 2124140 w 2448000"/>
              <a:gd name="connsiteY46" fmla="*/ 2451102 h 2451102"/>
              <a:gd name="connsiteX47" fmla="*/ 0 w 2448000"/>
              <a:gd name="connsiteY47" fmla="*/ 2451102 h 245110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</a:cxnLst>
            <a:rect l="l" t="t" r="r" b="b"/>
            <a:pathLst>
              <a:path w="2448000" h="2451102">
                <a:moveTo>
                  <a:pt x="0" y="0"/>
                </a:moveTo>
                <a:lnTo>
                  <a:pt x="222403" y="0"/>
                </a:lnTo>
                <a:lnTo>
                  <a:pt x="430910" y="0"/>
                </a:lnTo>
                <a:lnTo>
                  <a:pt x="625970" y="0"/>
                </a:lnTo>
                <a:lnTo>
                  <a:pt x="808032" y="0"/>
                </a:lnTo>
                <a:lnTo>
                  <a:pt x="977542" y="0"/>
                </a:lnTo>
                <a:lnTo>
                  <a:pt x="1134950" y="0"/>
                </a:lnTo>
                <a:lnTo>
                  <a:pt x="1280703" y="0"/>
                </a:lnTo>
                <a:lnTo>
                  <a:pt x="1415250" y="0"/>
                </a:lnTo>
                <a:lnTo>
                  <a:pt x="1539040" y="0"/>
                </a:lnTo>
                <a:lnTo>
                  <a:pt x="1652520" y="0"/>
                </a:lnTo>
                <a:lnTo>
                  <a:pt x="1756138" y="0"/>
                </a:lnTo>
                <a:lnTo>
                  <a:pt x="1850344" y="0"/>
                </a:lnTo>
                <a:lnTo>
                  <a:pt x="1935585" y="0"/>
                </a:lnTo>
                <a:lnTo>
                  <a:pt x="2012309" y="0"/>
                </a:lnTo>
                <a:lnTo>
                  <a:pt x="2080965" y="0"/>
                </a:lnTo>
                <a:lnTo>
                  <a:pt x="2142000" y="0"/>
                </a:lnTo>
                <a:lnTo>
                  <a:pt x="2243004" y="0"/>
                </a:lnTo>
                <a:lnTo>
                  <a:pt x="2318906" y="0"/>
                </a:lnTo>
                <a:lnTo>
                  <a:pt x="2373293" y="0"/>
                </a:lnTo>
                <a:lnTo>
                  <a:pt x="2409750" y="0"/>
                </a:lnTo>
                <a:lnTo>
                  <a:pt x="2431864" y="0"/>
                </a:lnTo>
                <a:lnTo>
                  <a:pt x="2443219" y="0"/>
                </a:lnTo>
                <a:lnTo>
                  <a:pt x="2448000" y="0"/>
                </a:lnTo>
                <a:lnTo>
                  <a:pt x="2448000" y="192936"/>
                </a:lnTo>
                <a:lnTo>
                  <a:pt x="2448000" y="373817"/>
                </a:lnTo>
                <a:lnTo>
                  <a:pt x="2448000" y="543032"/>
                </a:lnTo>
                <a:lnTo>
                  <a:pt x="2448000" y="700971"/>
                </a:lnTo>
                <a:lnTo>
                  <a:pt x="2448000" y="848022"/>
                </a:lnTo>
                <a:lnTo>
                  <a:pt x="2448000" y="984574"/>
                </a:lnTo>
                <a:lnTo>
                  <a:pt x="2448000" y="1111016"/>
                </a:lnTo>
                <a:lnTo>
                  <a:pt x="2448000" y="1227737"/>
                </a:lnTo>
                <a:lnTo>
                  <a:pt x="2448000" y="1335125"/>
                </a:lnTo>
                <a:lnTo>
                  <a:pt x="2448000" y="1433569"/>
                </a:lnTo>
                <a:lnTo>
                  <a:pt x="2448000" y="1523459"/>
                </a:lnTo>
                <a:lnTo>
                  <a:pt x="2448000" y="1605183"/>
                </a:lnTo>
                <a:lnTo>
                  <a:pt x="2448000" y="1679129"/>
                </a:lnTo>
                <a:lnTo>
                  <a:pt x="2448000" y="1745688"/>
                </a:lnTo>
                <a:lnTo>
                  <a:pt x="2448000" y="1858196"/>
                </a:lnTo>
                <a:lnTo>
                  <a:pt x="2448000" y="1945817"/>
                </a:lnTo>
                <a:lnTo>
                  <a:pt x="2448000" y="2011663"/>
                </a:lnTo>
                <a:lnTo>
                  <a:pt x="2448000" y="2058844"/>
                </a:lnTo>
                <a:lnTo>
                  <a:pt x="2448000" y="2090471"/>
                </a:lnTo>
                <a:lnTo>
                  <a:pt x="2448000" y="2109654"/>
                </a:lnTo>
                <a:lnTo>
                  <a:pt x="2448000" y="2119505"/>
                </a:lnTo>
                <a:lnTo>
                  <a:pt x="2448000" y="2123653"/>
                </a:lnTo>
                <a:cubicBezTo>
                  <a:pt x="2324171" y="2250818"/>
                  <a:pt x="2251144" y="2323937"/>
                  <a:pt x="2124140" y="2451102"/>
                </a:cubicBezTo>
                <a:cubicBezTo>
                  <a:pt x="0" y="2451102"/>
                  <a:pt x="0" y="2451102"/>
                  <a:pt x="0" y="2451102"/>
                </a:cubicBezTo>
                <a:close/>
              </a:path>
            </a:pathLst>
          </a:custGeom>
          <a:solidFill>
            <a:schemeClr val="bg2"/>
          </a:solidFill>
        </p:spPr>
        <p:txBody>
          <a:bodyPr wrap="square" lIns="216000" tIns="216000" rIns="216000" bIns="216000" anchor="t" anchorCtr="0">
            <a:noAutofit/>
          </a:bodyPr>
          <a:lstStyle>
            <a:lvl1pPr marL="0" indent="0">
              <a:spcAft>
                <a:spcPts val="500"/>
              </a:spcAft>
              <a:buFont typeface="Arial" panose="020B0604020202020204" pitchFamily="34" charset="0"/>
              <a:buChar char="​"/>
              <a:defRPr sz="1400" b="1">
                <a:solidFill>
                  <a:schemeClr val="accent1"/>
                </a:solidFill>
              </a:defRPr>
            </a:lvl1pPr>
            <a:lvl2pPr marL="0" indent="0">
              <a:spcAft>
                <a:spcPts val="500"/>
              </a:spcAft>
              <a:buFont typeface="Arial" panose="020B0604020202020204" pitchFamily="34" charset="0"/>
              <a:buChar char="​"/>
              <a:defRPr sz="1400">
                <a:solidFill>
                  <a:schemeClr val="accent1"/>
                </a:solidFill>
              </a:defRPr>
            </a:lvl2pPr>
          </a:lstStyle>
          <a:p>
            <a:pPr lvl="0"/>
            <a:r>
              <a:rPr lang="da-DK" dirty="0"/>
              <a:t>Edit Master </a:t>
            </a:r>
            <a:r>
              <a:rPr lang="da-DK" dirty="0" err="1"/>
              <a:t>text</a:t>
            </a:r>
            <a:r>
              <a:rPr lang="da-DK" dirty="0"/>
              <a:t> styles</a:t>
            </a:r>
          </a:p>
          <a:p>
            <a:pPr lvl="1"/>
            <a:r>
              <a:rPr lang="da-DK" dirty="0"/>
              <a:t>2</a:t>
            </a:r>
          </a:p>
        </p:txBody>
      </p:sp>
      <p:sp>
        <p:nvSpPr>
          <p:cNvPr id="16" name="Content Placeholder 4"/>
          <p:cNvSpPr>
            <a:spLocks noGrp="1"/>
          </p:cNvSpPr>
          <p:nvPr>
            <p:ph sz="quarter" idx="17" hasCustomPrompt="1"/>
          </p:nvPr>
        </p:nvSpPr>
        <p:spPr>
          <a:xfrm>
            <a:off x="208800" y="1540800"/>
            <a:ext cx="1116000" cy="1116000"/>
          </a:xfrm>
        </p:spPr>
        <p:txBody>
          <a:bodyPr/>
          <a:lstStyle>
            <a:lvl1pPr marL="0" indent="0">
              <a:buNone/>
              <a:defRPr sz="1400" b="1"/>
            </a:lvl1pPr>
          </a:lstStyle>
          <a:p>
            <a:pPr lvl="0"/>
            <a:r>
              <a:rPr lang="da-DK" dirty="0"/>
              <a:t>Klik på denne pladsholder og indsæt ikon via Skyfish</a:t>
            </a:r>
          </a:p>
        </p:txBody>
      </p:sp>
      <p:sp>
        <p:nvSpPr>
          <p:cNvPr id="5" name="TextBox 4"/>
          <p:cNvSpPr txBox="1"/>
          <p:nvPr userDrawn="1"/>
        </p:nvSpPr>
        <p:spPr>
          <a:xfrm>
            <a:off x="-1" y="-300028"/>
            <a:ext cx="1188000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b="1" dirty="0"/>
              <a:t>Bemærk</a:t>
            </a:r>
            <a:r>
              <a:rPr lang="da-DK" sz="1200" dirty="0"/>
              <a:t>: På denne side kan billede/</a:t>
            </a:r>
            <a:r>
              <a:rPr lang="da-DK" sz="1200" dirty="0" err="1"/>
              <a:t>graﬁk</a:t>
            </a:r>
            <a:r>
              <a:rPr lang="da-DK" sz="1200" dirty="0"/>
              <a:t> udskiftes. Tekstboksen kan ﬂyttes rundt ift. billedet, vælg boksen</a:t>
            </a:r>
            <a:r>
              <a:rPr lang="da-DK" sz="1200" baseline="0" dirty="0"/>
              <a:t> og al teksten i boksen</a:t>
            </a:r>
            <a:r>
              <a:rPr lang="da-DK" sz="1200" dirty="0"/>
              <a:t>. Farven på tekst og tekstboks kan ændres til hvid/rød/grå.</a:t>
            </a:r>
          </a:p>
        </p:txBody>
      </p:sp>
      <p:sp>
        <p:nvSpPr>
          <p:cNvPr id="13" name="Slide Number Placeholder 5" hidden="1"/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r" defTabSz="914400" rtl="0" eaLnBrk="1" latinLnBrk="0" hangingPunct="1">
              <a:defRPr sz="100" b="1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rtl="0"/>
            <a:fld id="{24C8C45C-947F-4981-8B3F-4F32E973C901}" type="slidenum">
              <a:rPr lang="da-DK" smtClean="0"/>
              <a:pPr rtl="0"/>
              <a:t>‹nr.›</a:t>
            </a:fld>
            <a:endParaRPr lang="da-DK" dirty="0"/>
          </a:p>
        </p:txBody>
      </p:sp>
      <p:sp>
        <p:nvSpPr>
          <p:cNvPr id="14" name="Footer Placeholder 4" hidden="1"/>
          <p:cNvSpPr>
            <a:spLocks noGrp="1"/>
          </p:cNvSpPr>
          <p:nvPr>
            <p:ph type="ftr" sz="quarter" idx="3"/>
          </p:nvPr>
        </p:nvSpPr>
        <p:spPr>
          <a:xfrm>
            <a:off x="0" y="70644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 rtl="0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7" name="Date Placeholder 11" hidden="1"/>
          <p:cNvSpPr>
            <a:spLocks noGrp="1"/>
          </p:cNvSpPr>
          <p:nvPr>
            <p:ph type="dt" sz="half" idx="10"/>
          </p:nvPr>
        </p:nvSpPr>
        <p:spPr>
          <a:xfrm>
            <a:off x="0" y="6984000"/>
            <a:ext cx="0" cy="0"/>
          </a:xfrm>
        </p:spPr>
        <p:txBody>
          <a:bodyPr/>
          <a:lstStyle/>
          <a:p>
            <a:fld id="{D9FE36D3-6D8A-41B0-8F1B-2F75587B4040}" type="datetime2">
              <a:rPr lang="da-DK" smtClean="0"/>
              <a:t>22. november 2017</a:t>
            </a:fld>
            <a:endParaRPr lang="da-DK" dirty="0"/>
          </a:p>
        </p:txBody>
      </p:sp>
      <p:sp>
        <p:nvSpPr>
          <p:cNvPr id="15" name="Placeholder logo"/>
          <p:cNvSpPr>
            <a:spLocks noGrp="1"/>
          </p:cNvSpPr>
          <p:nvPr>
            <p:ph type="body" sz="quarter" idx="19" hasCustomPrompt="1"/>
          </p:nvPr>
        </p:nvSpPr>
        <p:spPr>
          <a:xfrm>
            <a:off x="10809164" y="398179"/>
            <a:ext cx="1051200" cy="14868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en-US" dirty="0"/>
              <a:t>.</a:t>
            </a:r>
            <a:endParaRPr lang="da-DK" dirty="0"/>
          </a:p>
        </p:txBody>
      </p:sp>
      <p:sp>
        <p:nvSpPr>
          <p:cNvPr id="18" name="Rectangle 17"/>
          <p:cNvSpPr/>
          <p:nvPr userDrawn="1"/>
        </p:nvSpPr>
        <p:spPr>
          <a:xfrm>
            <a:off x="11765941" y="-300028"/>
            <a:ext cx="160500" cy="1605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0" name="Rectangle 19"/>
          <p:cNvSpPr/>
          <p:nvPr userDrawn="1"/>
        </p:nvSpPr>
        <p:spPr>
          <a:xfrm>
            <a:off x="11964594" y="-300028"/>
            <a:ext cx="160500" cy="160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1" name="Rectangle 20"/>
          <p:cNvSpPr/>
          <p:nvPr userDrawn="1"/>
        </p:nvSpPr>
        <p:spPr>
          <a:xfrm>
            <a:off x="12163247" y="-300028"/>
            <a:ext cx="160500" cy="1605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</p:spTree>
    <p:extLst>
      <p:ext uri="{BB962C8B-B14F-4D97-AF65-F5344CB8AC3E}">
        <p14:creationId xmlns:p14="http://schemas.microsoft.com/office/powerpoint/2010/main" val="2517276021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, indhold og bille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1"/>
          <p:cNvSpPr>
            <a:spLocks noGrp="1"/>
          </p:cNvSpPr>
          <p:nvPr>
            <p:ph type="title"/>
          </p:nvPr>
        </p:nvSpPr>
        <p:spPr>
          <a:xfrm>
            <a:off x="4204010" y="2000207"/>
            <a:ext cx="5112790" cy="720000"/>
          </a:xfrm>
        </p:spPr>
        <p:txBody>
          <a:bodyPr anchor="t" anchorCtr="0"/>
          <a:lstStyle>
            <a:lvl1pPr>
              <a:lnSpc>
                <a:spcPct val="97000"/>
              </a:lnSpc>
              <a:defRPr lang="da-DK" sz="2400" dirty="0"/>
            </a:lvl1pPr>
          </a:lstStyle>
          <a:p>
            <a:r>
              <a:rPr lang="da-DK" dirty="0"/>
              <a:t>Click to edit Master title style</a:t>
            </a:r>
          </a:p>
        </p:txBody>
      </p:sp>
      <p:sp>
        <p:nvSpPr>
          <p:cNvPr id="10" name="Content Placeholder 2"/>
          <p:cNvSpPr>
            <a:spLocks noGrp="1"/>
          </p:cNvSpPr>
          <p:nvPr>
            <p:ph idx="1"/>
          </p:nvPr>
        </p:nvSpPr>
        <p:spPr>
          <a:xfrm>
            <a:off x="4204009" y="2835762"/>
            <a:ext cx="5112791" cy="3266238"/>
          </a:xfrm>
        </p:spPr>
        <p:txBody>
          <a:bodyPr/>
          <a:lstStyle>
            <a:lvl1pPr>
              <a:buClr>
                <a:schemeClr val="tx2"/>
              </a:buClr>
              <a:defRPr>
                <a:solidFill>
                  <a:schemeClr val="tx1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tx1"/>
                </a:solidFill>
              </a:defRPr>
            </a:lvl2pPr>
            <a:lvl3pPr>
              <a:buClr>
                <a:schemeClr val="tx2"/>
              </a:buClr>
              <a:defRPr>
                <a:solidFill>
                  <a:schemeClr val="tx1"/>
                </a:solidFill>
              </a:defRPr>
            </a:lvl3pPr>
            <a:lvl4pPr>
              <a:buClr>
                <a:schemeClr val="tx2"/>
              </a:buClr>
              <a:defRPr>
                <a:solidFill>
                  <a:schemeClr val="tx1"/>
                </a:solidFill>
              </a:defRPr>
            </a:lvl4pPr>
            <a:lvl5pPr>
              <a:buClr>
                <a:schemeClr val="tx2"/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noProof="0" dirty="0"/>
              <a:t>Edit Master </a:t>
            </a:r>
            <a:r>
              <a:rPr lang="da-DK" noProof="0" dirty="0" err="1"/>
              <a:t>text</a:t>
            </a:r>
            <a:r>
              <a:rPr lang="da-DK" noProof="0" dirty="0"/>
              <a:t> styles</a:t>
            </a:r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17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1540800" y="1540800"/>
            <a:ext cx="2448000" cy="2448000"/>
          </a:xfrm>
          <a:solidFill>
            <a:schemeClr val="bg1">
              <a:lumMod val="85000"/>
            </a:schemeClr>
          </a:solidFill>
        </p:spPr>
        <p:txBody>
          <a:bodyPr tIns="900000" anchor="ctr" anchorCtr="0"/>
          <a:lstStyle>
            <a:lvl1pPr marL="0" indent="0" algn="ctr">
              <a:buNone/>
              <a:defRPr sz="1600">
                <a:solidFill>
                  <a:schemeClr val="tx2"/>
                </a:solidFill>
              </a:defRPr>
            </a:lvl1pPr>
          </a:lstStyle>
          <a:p>
            <a:r>
              <a:rPr lang="da-DK" noProof="0" dirty="0"/>
              <a:t>Klik på ikonet for at tilføje et billede</a:t>
            </a:r>
          </a:p>
        </p:txBody>
      </p:sp>
      <p:sp>
        <p:nvSpPr>
          <p:cNvPr id="18" name="Freeform: Shape 4"/>
          <p:cNvSpPr>
            <a:spLocks noGrp="1"/>
          </p:cNvSpPr>
          <p:nvPr>
            <p:ph type="pic" sz="quarter" idx="16" hasCustomPrompt="1"/>
          </p:nvPr>
        </p:nvSpPr>
        <p:spPr>
          <a:xfrm>
            <a:off x="9532800" y="4204800"/>
            <a:ext cx="2448000" cy="2448000"/>
          </a:xfrm>
          <a:custGeom>
            <a:avLst/>
            <a:gdLst>
              <a:gd name="connsiteX0" fmla="*/ 0 w 4392000"/>
              <a:gd name="connsiteY0" fmla="*/ 0 h 4392000"/>
              <a:gd name="connsiteX1" fmla="*/ 1073 w 4392000"/>
              <a:gd name="connsiteY1" fmla="*/ 0 h 4392000"/>
              <a:gd name="connsiteX2" fmla="*/ 8578 w 4392000"/>
              <a:gd name="connsiteY2" fmla="*/ 0 h 4392000"/>
              <a:gd name="connsiteX3" fmla="*/ 28951 w 4392000"/>
              <a:gd name="connsiteY3" fmla="*/ 0 h 4392000"/>
              <a:gd name="connsiteX4" fmla="*/ 68625 w 4392000"/>
              <a:gd name="connsiteY4" fmla="*/ 0 h 4392000"/>
              <a:gd name="connsiteX5" fmla="*/ 97711 w 4392000"/>
              <a:gd name="connsiteY5" fmla="*/ 0 h 4392000"/>
              <a:gd name="connsiteX6" fmla="*/ 134034 w 4392000"/>
              <a:gd name="connsiteY6" fmla="*/ 0 h 4392000"/>
              <a:gd name="connsiteX7" fmla="*/ 178399 w 4392000"/>
              <a:gd name="connsiteY7" fmla="*/ 0 h 4392000"/>
              <a:gd name="connsiteX8" fmla="*/ 231610 w 4392000"/>
              <a:gd name="connsiteY8" fmla="*/ 0 h 4392000"/>
              <a:gd name="connsiteX9" fmla="*/ 294471 w 4392000"/>
              <a:gd name="connsiteY9" fmla="*/ 0 h 4392000"/>
              <a:gd name="connsiteX10" fmla="*/ 367787 w 4392000"/>
              <a:gd name="connsiteY10" fmla="*/ 0 h 4392000"/>
              <a:gd name="connsiteX11" fmla="*/ 452362 w 4392000"/>
              <a:gd name="connsiteY11" fmla="*/ 0 h 4392000"/>
              <a:gd name="connsiteX12" fmla="*/ 549000 w 4392000"/>
              <a:gd name="connsiteY12" fmla="*/ 0 h 4392000"/>
              <a:gd name="connsiteX13" fmla="*/ 658505 w 4392000"/>
              <a:gd name="connsiteY13" fmla="*/ 0 h 4392000"/>
              <a:gd name="connsiteX14" fmla="*/ 781682 w 4392000"/>
              <a:gd name="connsiteY14" fmla="*/ 0 h 4392000"/>
              <a:gd name="connsiteX15" fmla="*/ 919334 w 4392000"/>
              <a:gd name="connsiteY15" fmla="*/ 0 h 4392000"/>
              <a:gd name="connsiteX16" fmla="*/ 1072266 w 4392000"/>
              <a:gd name="connsiteY16" fmla="*/ 0 h 4392000"/>
              <a:gd name="connsiteX17" fmla="*/ 1241282 w 4392000"/>
              <a:gd name="connsiteY17" fmla="*/ 0 h 4392000"/>
              <a:gd name="connsiteX18" fmla="*/ 1427186 w 4392000"/>
              <a:gd name="connsiteY18" fmla="*/ 0 h 4392000"/>
              <a:gd name="connsiteX19" fmla="*/ 1630782 w 4392000"/>
              <a:gd name="connsiteY19" fmla="*/ 0 h 4392000"/>
              <a:gd name="connsiteX20" fmla="*/ 1852875 w 4392000"/>
              <a:gd name="connsiteY20" fmla="*/ 0 h 4392000"/>
              <a:gd name="connsiteX21" fmla="*/ 2094269 w 4392000"/>
              <a:gd name="connsiteY21" fmla="*/ 0 h 4392000"/>
              <a:gd name="connsiteX22" fmla="*/ 2355768 w 4392000"/>
              <a:gd name="connsiteY22" fmla="*/ 0 h 4392000"/>
              <a:gd name="connsiteX23" fmla="*/ 2638176 w 4392000"/>
              <a:gd name="connsiteY23" fmla="*/ 0 h 4392000"/>
              <a:gd name="connsiteX24" fmla="*/ 2942297 w 4392000"/>
              <a:gd name="connsiteY24" fmla="*/ 0 h 4392000"/>
              <a:gd name="connsiteX25" fmla="*/ 3268936 w 4392000"/>
              <a:gd name="connsiteY25" fmla="*/ 0 h 4392000"/>
              <a:gd name="connsiteX26" fmla="*/ 3618896 w 4392000"/>
              <a:gd name="connsiteY26" fmla="*/ 0 h 4392000"/>
              <a:gd name="connsiteX27" fmla="*/ 3992983 w 4392000"/>
              <a:gd name="connsiteY27" fmla="*/ 0 h 4392000"/>
              <a:gd name="connsiteX28" fmla="*/ 4392000 w 4392000"/>
              <a:gd name="connsiteY28" fmla="*/ 0 h 4392000"/>
              <a:gd name="connsiteX29" fmla="*/ 4392000 w 4392000"/>
              <a:gd name="connsiteY29" fmla="*/ 930 h 4392000"/>
              <a:gd name="connsiteX30" fmla="*/ 4392000 w 4392000"/>
              <a:gd name="connsiteY30" fmla="*/ 7437 h 4392000"/>
              <a:gd name="connsiteX31" fmla="*/ 4392000 w 4392000"/>
              <a:gd name="connsiteY31" fmla="*/ 25100 h 4392000"/>
              <a:gd name="connsiteX32" fmla="*/ 4392000 w 4392000"/>
              <a:gd name="connsiteY32" fmla="*/ 59495 h 4392000"/>
              <a:gd name="connsiteX33" fmla="*/ 4392000 w 4392000"/>
              <a:gd name="connsiteY33" fmla="*/ 116201 h 4392000"/>
              <a:gd name="connsiteX34" fmla="*/ 4392000 w 4392000"/>
              <a:gd name="connsiteY34" fmla="*/ 154663 h 4392000"/>
              <a:gd name="connsiteX35" fmla="*/ 4392000 w 4392000"/>
              <a:gd name="connsiteY35" fmla="*/ 200795 h 4392000"/>
              <a:gd name="connsiteX36" fmla="*/ 4392000 w 4392000"/>
              <a:gd name="connsiteY36" fmla="*/ 255293 h 4392000"/>
              <a:gd name="connsiteX37" fmla="*/ 4392000 w 4392000"/>
              <a:gd name="connsiteY37" fmla="*/ 318855 h 4392000"/>
              <a:gd name="connsiteX38" fmla="*/ 4392000 w 4392000"/>
              <a:gd name="connsiteY38" fmla="*/ 392178 h 4392000"/>
              <a:gd name="connsiteX39" fmla="*/ 4392000 w 4392000"/>
              <a:gd name="connsiteY39" fmla="*/ 475959 h 4392000"/>
              <a:gd name="connsiteX40" fmla="*/ 4392000 w 4392000"/>
              <a:gd name="connsiteY40" fmla="*/ 570895 h 4392000"/>
              <a:gd name="connsiteX41" fmla="*/ 4392000 w 4392000"/>
              <a:gd name="connsiteY41" fmla="*/ 677684 h 4392000"/>
              <a:gd name="connsiteX42" fmla="*/ 4392000 w 4392000"/>
              <a:gd name="connsiteY42" fmla="*/ 797022 h 4392000"/>
              <a:gd name="connsiteX43" fmla="*/ 4392000 w 4392000"/>
              <a:gd name="connsiteY43" fmla="*/ 929607 h 4392000"/>
              <a:gd name="connsiteX44" fmla="*/ 4392000 w 4392000"/>
              <a:gd name="connsiteY44" fmla="*/ 1076136 h 4392000"/>
              <a:gd name="connsiteX45" fmla="*/ 4392000 w 4392000"/>
              <a:gd name="connsiteY45" fmla="*/ 1237307 h 4392000"/>
              <a:gd name="connsiteX46" fmla="*/ 4392000 w 4392000"/>
              <a:gd name="connsiteY46" fmla="*/ 1413816 h 4392000"/>
              <a:gd name="connsiteX47" fmla="*/ 4392000 w 4392000"/>
              <a:gd name="connsiteY47" fmla="*/ 1606361 h 4392000"/>
              <a:gd name="connsiteX48" fmla="*/ 4392000 w 4392000"/>
              <a:gd name="connsiteY48" fmla="*/ 1815639 h 4392000"/>
              <a:gd name="connsiteX49" fmla="*/ 4392000 w 4392000"/>
              <a:gd name="connsiteY49" fmla="*/ 2042347 h 4392000"/>
              <a:gd name="connsiteX50" fmla="*/ 4392000 w 4392000"/>
              <a:gd name="connsiteY50" fmla="*/ 2287182 h 4392000"/>
              <a:gd name="connsiteX51" fmla="*/ 4392000 w 4392000"/>
              <a:gd name="connsiteY51" fmla="*/ 2550842 h 4392000"/>
              <a:gd name="connsiteX52" fmla="*/ 4392000 w 4392000"/>
              <a:gd name="connsiteY52" fmla="*/ 2834023 h 4392000"/>
              <a:gd name="connsiteX53" fmla="*/ 4392000 w 4392000"/>
              <a:gd name="connsiteY53" fmla="*/ 3137424 h 4392000"/>
              <a:gd name="connsiteX54" fmla="*/ 4392000 w 4392000"/>
              <a:gd name="connsiteY54" fmla="*/ 3461740 h 4392000"/>
              <a:gd name="connsiteX55" fmla="*/ 4392000 w 4392000"/>
              <a:gd name="connsiteY55" fmla="*/ 3807670 h 4392000"/>
              <a:gd name="connsiteX56" fmla="*/ 3808093 w 4392000"/>
              <a:gd name="connsiteY56" fmla="*/ 4392000 h 4392000"/>
              <a:gd name="connsiteX57" fmla="*/ 3807163 w 4392000"/>
              <a:gd name="connsiteY57" fmla="*/ 4392000 h 4392000"/>
              <a:gd name="connsiteX58" fmla="*/ 3800655 w 4392000"/>
              <a:gd name="connsiteY58" fmla="*/ 4392000 h 4392000"/>
              <a:gd name="connsiteX59" fmla="*/ 3782991 w 4392000"/>
              <a:gd name="connsiteY59" fmla="*/ 4392000 h 4392000"/>
              <a:gd name="connsiteX60" fmla="*/ 3748592 w 4392000"/>
              <a:gd name="connsiteY60" fmla="*/ 4392000 h 4392000"/>
              <a:gd name="connsiteX61" fmla="*/ 3691879 w 4392000"/>
              <a:gd name="connsiteY61" fmla="*/ 4392000 h 4392000"/>
              <a:gd name="connsiteX62" fmla="*/ 3653412 w 4392000"/>
              <a:gd name="connsiteY62" fmla="*/ 4392000 h 4392000"/>
              <a:gd name="connsiteX63" fmla="*/ 3607276 w 4392000"/>
              <a:gd name="connsiteY63" fmla="*/ 4392000 h 4392000"/>
              <a:gd name="connsiteX64" fmla="*/ 3552771 w 4392000"/>
              <a:gd name="connsiteY64" fmla="*/ 4392000 h 4392000"/>
              <a:gd name="connsiteX65" fmla="*/ 3489202 w 4392000"/>
              <a:gd name="connsiteY65" fmla="*/ 4392000 h 4392000"/>
              <a:gd name="connsiteX66" fmla="*/ 3415872 w 4392000"/>
              <a:gd name="connsiteY66" fmla="*/ 4392000 h 4392000"/>
              <a:gd name="connsiteX67" fmla="*/ 3332081 w 4392000"/>
              <a:gd name="connsiteY67" fmla="*/ 4392000 h 4392000"/>
              <a:gd name="connsiteX68" fmla="*/ 3237135 w 4392000"/>
              <a:gd name="connsiteY68" fmla="*/ 4392000 h 4392000"/>
              <a:gd name="connsiteX69" fmla="*/ 3130334 w 4392000"/>
              <a:gd name="connsiteY69" fmla="*/ 4392000 h 4392000"/>
              <a:gd name="connsiteX70" fmla="*/ 3010983 w 4392000"/>
              <a:gd name="connsiteY70" fmla="*/ 4392000 h 4392000"/>
              <a:gd name="connsiteX71" fmla="*/ 2878383 w 4392000"/>
              <a:gd name="connsiteY71" fmla="*/ 4392000 h 4392000"/>
              <a:gd name="connsiteX72" fmla="*/ 2731837 w 4392000"/>
              <a:gd name="connsiteY72" fmla="*/ 4392000 h 4392000"/>
              <a:gd name="connsiteX73" fmla="*/ 2570649 w 4392000"/>
              <a:gd name="connsiteY73" fmla="*/ 4392000 h 4392000"/>
              <a:gd name="connsiteX74" fmla="*/ 2394120 w 4392000"/>
              <a:gd name="connsiteY74" fmla="*/ 4392000 h 4392000"/>
              <a:gd name="connsiteX75" fmla="*/ 2201554 w 4392000"/>
              <a:gd name="connsiteY75" fmla="*/ 4392000 h 4392000"/>
              <a:gd name="connsiteX76" fmla="*/ 1992253 w 4392000"/>
              <a:gd name="connsiteY76" fmla="*/ 4392000 h 4392000"/>
              <a:gd name="connsiteX77" fmla="*/ 1765520 w 4392000"/>
              <a:gd name="connsiteY77" fmla="*/ 4392000 h 4392000"/>
              <a:gd name="connsiteX78" fmla="*/ 1520657 w 4392000"/>
              <a:gd name="connsiteY78" fmla="*/ 4392000 h 4392000"/>
              <a:gd name="connsiteX79" fmla="*/ 1256968 w 4392000"/>
              <a:gd name="connsiteY79" fmla="*/ 4392000 h 4392000"/>
              <a:gd name="connsiteX80" fmla="*/ 973755 w 4392000"/>
              <a:gd name="connsiteY80" fmla="*/ 4392000 h 4392000"/>
              <a:gd name="connsiteX81" fmla="*/ 670321 w 4392000"/>
              <a:gd name="connsiteY81" fmla="*/ 4392000 h 4392000"/>
              <a:gd name="connsiteX82" fmla="*/ 345969 w 4392000"/>
              <a:gd name="connsiteY82" fmla="*/ 4392000 h 4392000"/>
              <a:gd name="connsiteX83" fmla="*/ 0 w 4392000"/>
              <a:gd name="connsiteY83" fmla="*/ 4392000 h 4392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</a:cxnLst>
            <a:rect l="l" t="t" r="r" b="b"/>
            <a:pathLst>
              <a:path w="4392000" h="4392000">
                <a:moveTo>
                  <a:pt x="0" y="0"/>
                </a:moveTo>
                <a:lnTo>
                  <a:pt x="1073" y="0"/>
                </a:lnTo>
                <a:lnTo>
                  <a:pt x="8578" y="0"/>
                </a:lnTo>
                <a:lnTo>
                  <a:pt x="28951" y="0"/>
                </a:lnTo>
                <a:lnTo>
                  <a:pt x="68625" y="0"/>
                </a:lnTo>
                <a:lnTo>
                  <a:pt x="97711" y="0"/>
                </a:lnTo>
                <a:lnTo>
                  <a:pt x="134034" y="0"/>
                </a:lnTo>
                <a:lnTo>
                  <a:pt x="178399" y="0"/>
                </a:lnTo>
                <a:lnTo>
                  <a:pt x="231610" y="0"/>
                </a:lnTo>
                <a:lnTo>
                  <a:pt x="294471" y="0"/>
                </a:lnTo>
                <a:lnTo>
                  <a:pt x="367787" y="0"/>
                </a:lnTo>
                <a:lnTo>
                  <a:pt x="452362" y="0"/>
                </a:lnTo>
                <a:lnTo>
                  <a:pt x="549000" y="0"/>
                </a:lnTo>
                <a:lnTo>
                  <a:pt x="658505" y="0"/>
                </a:lnTo>
                <a:lnTo>
                  <a:pt x="781682" y="0"/>
                </a:lnTo>
                <a:lnTo>
                  <a:pt x="919334" y="0"/>
                </a:lnTo>
                <a:lnTo>
                  <a:pt x="1072266" y="0"/>
                </a:lnTo>
                <a:lnTo>
                  <a:pt x="1241282" y="0"/>
                </a:lnTo>
                <a:lnTo>
                  <a:pt x="1427186" y="0"/>
                </a:lnTo>
                <a:lnTo>
                  <a:pt x="1630782" y="0"/>
                </a:lnTo>
                <a:lnTo>
                  <a:pt x="1852875" y="0"/>
                </a:lnTo>
                <a:lnTo>
                  <a:pt x="2094269" y="0"/>
                </a:lnTo>
                <a:lnTo>
                  <a:pt x="2355768" y="0"/>
                </a:lnTo>
                <a:lnTo>
                  <a:pt x="2638176" y="0"/>
                </a:lnTo>
                <a:lnTo>
                  <a:pt x="2942297" y="0"/>
                </a:lnTo>
                <a:lnTo>
                  <a:pt x="3268936" y="0"/>
                </a:lnTo>
                <a:lnTo>
                  <a:pt x="3618896" y="0"/>
                </a:lnTo>
                <a:lnTo>
                  <a:pt x="3992983" y="0"/>
                </a:lnTo>
                <a:lnTo>
                  <a:pt x="4392000" y="0"/>
                </a:lnTo>
                <a:lnTo>
                  <a:pt x="4392000" y="930"/>
                </a:lnTo>
                <a:lnTo>
                  <a:pt x="4392000" y="7437"/>
                </a:lnTo>
                <a:lnTo>
                  <a:pt x="4392000" y="25100"/>
                </a:lnTo>
                <a:lnTo>
                  <a:pt x="4392000" y="59495"/>
                </a:lnTo>
                <a:lnTo>
                  <a:pt x="4392000" y="116201"/>
                </a:lnTo>
                <a:lnTo>
                  <a:pt x="4392000" y="154663"/>
                </a:lnTo>
                <a:lnTo>
                  <a:pt x="4392000" y="200795"/>
                </a:lnTo>
                <a:lnTo>
                  <a:pt x="4392000" y="255293"/>
                </a:lnTo>
                <a:lnTo>
                  <a:pt x="4392000" y="318855"/>
                </a:lnTo>
                <a:lnTo>
                  <a:pt x="4392000" y="392178"/>
                </a:lnTo>
                <a:lnTo>
                  <a:pt x="4392000" y="475959"/>
                </a:lnTo>
                <a:lnTo>
                  <a:pt x="4392000" y="570895"/>
                </a:lnTo>
                <a:lnTo>
                  <a:pt x="4392000" y="677684"/>
                </a:lnTo>
                <a:lnTo>
                  <a:pt x="4392000" y="797022"/>
                </a:lnTo>
                <a:lnTo>
                  <a:pt x="4392000" y="929607"/>
                </a:lnTo>
                <a:lnTo>
                  <a:pt x="4392000" y="1076136"/>
                </a:lnTo>
                <a:lnTo>
                  <a:pt x="4392000" y="1237307"/>
                </a:lnTo>
                <a:lnTo>
                  <a:pt x="4392000" y="1413816"/>
                </a:lnTo>
                <a:lnTo>
                  <a:pt x="4392000" y="1606361"/>
                </a:lnTo>
                <a:lnTo>
                  <a:pt x="4392000" y="1815639"/>
                </a:lnTo>
                <a:lnTo>
                  <a:pt x="4392000" y="2042347"/>
                </a:lnTo>
                <a:lnTo>
                  <a:pt x="4392000" y="2287182"/>
                </a:lnTo>
                <a:lnTo>
                  <a:pt x="4392000" y="2550842"/>
                </a:lnTo>
                <a:lnTo>
                  <a:pt x="4392000" y="2834023"/>
                </a:lnTo>
                <a:lnTo>
                  <a:pt x="4392000" y="3137424"/>
                </a:lnTo>
                <a:lnTo>
                  <a:pt x="4392000" y="3461740"/>
                </a:lnTo>
                <a:lnTo>
                  <a:pt x="4392000" y="3807670"/>
                </a:lnTo>
                <a:cubicBezTo>
                  <a:pt x="4163515" y="4036321"/>
                  <a:pt x="4036578" y="4163349"/>
                  <a:pt x="3808093" y="4392000"/>
                </a:cubicBezTo>
                <a:lnTo>
                  <a:pt x="3807163" y="4392000"/>
                </a:lnTo>
                <a:lnTo>
                  <a:pt x="3800655" y="4392000"/>
                </a:lnTo>
                <a:lnTo>
                  <a:pt x="3782991" y="4392000"/>
                </a:lnTo>
                <a:lnTo>
                  <a:pt x="3748592" y="4392000"/>
                </a:lnTo>
                <a:lnTo>
                  <a:pt x="3691879" y="4392000"/>
                </a:lnTo>
                <a:lnTo>
                  <a:pt x="3653412" y="4392000"/>
                </a:lnTo>
                <a:lnTo>
                  <a:pt x="3607276" y="4392000"/>
                </a:lnTo>
                <a:lnTo>
                  <a:pt x="3552771" y="4392000"/>
                </a:lnTo>
                <a:lnTo>
                  <a:pt x="3489202" y="4392000"/>
                </a:lnTo>
                <a:lnTo>
                  <a:pt x="3415872" y="4392000"/>
                </a:lnTo>
                <a:lnTo>
                  <a:pt x="3332081" y="4392000"/>
                </a:lnTo>
                <a:lnTo>
                  <a:pt x="3237135" y="4392000"/>
                </a:lnTo>
                <a:lnTo>
                  <a:pt x="3130334" y="4392000"/>
                </a:lnTo>
                <a:lnTo>
                  <a:pt x="3010983" y="4392000"/>
                </a:lnTo>
                <a:lnTo>
                  <a:pt x="2878383" y="4392000"/>
                </a:lnTo>
                <a:lnTo>
                  <a:pt x="2731837" y="4392000"/>
                </a:lnTo>
                <a:lnTo>
                  <a:pt x="2570649" y="4392000"/>
                </a:lnTo>
                <a:lnTo>
                  <a:pt x="2394120" y="4392000"/>
                </a:lnTo>
                <a:lnTo>
                  <a:pt x="2201554" y="4392000"/>
                </a:lnTo>
                <a:lnTo>
                  <a:pt x="1992253" y="4392000"/>
                </a:lnTo>
                <a:lnTo>
                  <a:pt x="1765520" y="4392000"/>
                </a:lnTo>
                <a:lnTo>
                  <a:pt x="1520657" y="4392000"/>
                </a:lnTo>
                <a:lnTo>
                  <a:pt x="1256968" y="4392000"/>
                </a:lnTo>
                <a:lnTo>
                  <a:pt x="973755" y="4392000"/>
                </a:lnTo>
                <a:lnTo>
                  <a:pt x="670321" y="4392000"/>
                </a:lnTo>
                <a:lnTo>
                  <a:pt x="345969" y="4392000"/>
                </a:lnTo>
                <a:lnTo>
                  <a:pt x="0" y="4392000"/>
                </a:lnTo>
                <a:close/>
              </a:path>
            </a:pathLst>
          </a:custGeom>
          <a:solidFill>
            <a:schemeClr val="bg1">
              <a:lumMod val="85000"/>
            </a:schemeClr>
          </a:solidFill>
        </p:spPr>
        <p:txBody>
          <a:bodyPr wrap="square" tIns="180000" anchor="t" anchorCtr="0">
            <a:noAutofit/>
          </a:bodyPr>
          <a:lstStyle>
            <a:lvl1pPr marL="0" indent="0" algn="ctr">
              <a:buNone/>
              <a:defRPr sz="1600">
                <a:solidFill>
                  <a:schemeClr val="tx2"/>
                </a:solidFill>
              </a:defRPr>
            </a:lvl1pPr>
          </a:lstStyle>
          <a:p>
            <a:r>
              <a:rPr lang="da-DK" noProof="0" dirty="0"/>
              <a:t>Klik på denne pladsholder og indsæt billede via Skyfish</a:t>
            </a:r>
          </a:p>
        </p:txBody>
      </p:sp>
      <p:sp>
        <p:nvSpPr>
          <p:cNvPr id="24" name="grafik nederst"/>
          <p:cNvSpPr/>
          <p:nvPr userDrawn="1"/>
        </p:nvSpPr>
        <p:spPr>
          <a:xfrm>
            <a:off x="0" y="4204800"/>
            <a:ext cx="3988800" cy="2653200"/>
          </a:xfrm>
          <a:custGeom>
            <a:avLst/>
            <a:gdLst>
              <a:gd name="connsiteX0" fmla="*/ 0 w 3988800"/>
              <a:gd name="connsiteY0" fmla="*/ 0 h 2620800"/>
              <a:gd name="connsiteX1" fmla="*/ 6469 w 3988800"/>
              <a:gd name="connsiteY1" fmla="*/ 0 h 2620800"/>
              <a:gd name="connsiteX2" fmla="*/ 21831 w 3988800"/>
              <a:gd name="connsiteY2" fmla="*/ 0 h 2620800"/>
              <a:gd name="connsiteX3" fmla="*/ 51748 w 3988800"/>
              <a:gd name="connsiteY3" fmla="*/ 0 h 2620800"/>
              <a:gd name="connsiteX4" fmla="*/ 101071 w 3988800"/>
              <a:gd name="connsiteY4" fmla="*/ 0 h 2620800"/>
              <a:gd name="connsiteX5" fmla="*/ 174650 w 3988800"/>
              <a:gd name="connsiteY5" fmla="*/ 0 h 2620800"/>
              <a:gd name="connsiteX6" fmla="*/ 277337 w 3988800"/>
              <a:gd name="connsiteY6" fmla="*/ 0 h 2620800"/>
              <a:gd name="connsiteX7" fmla="*/ 413984 w 3988800"/>
              <a:gd name="connsiteY7" fmla="*/ 0 h 2620800"/>
              <a:gd name="connsiteX8" fmla="*/ 589443 w 3988800"/>
              <a:gd name="connsiteY8" fmla="*/ 0 h 2620800"/>
              <a:gd name="connsiteX9" fmla="*/ 693242 w 3988800"/>
              <a:gd name="connsiteY9" fmla="*/ 0 h 2620800"/>
              <a:gd name="connsiteX10" fmla="*/ 808563 w 3988800"/>
              <a:gd name="connsiteY10" fmla="*/ 0 h 2620800"/>
              <a:gd name="connsiteX11" fmla="*/ 936013 w 3988800"/>
              <a:gd name="connsiteY11" fmla="*/ 0 h 2620800"/>
              <a:gd name="connsiteX12" fmla="*/ 1076198 w 3988800"/>
              <a:gd name="connsiteY12" fmla="*/ 0 h 2620800"/>
              <a:gd name="connsiteX13" fmla="*/ 1229724 w 3988800"/>
              <a:gd name="connsiteY13" fmla="*/ 0 h 2620800"/>
              <a:gd name="connsiteX14" fmla="*/ 1397197 w 3988800"/>
              <a:gd name="connsiteY14" fmla="*/ 0 h 2620800"/>
              <a:gd name="connsiteX15" fmla="*/ 1579225 w 3988800"/>
              <a:gd name="connsiteY15" fmla="*/ 0 h 2620800"/>
              <a:gd name="connsiteX16" fmla="*/ 1776413 w 3988800"/>
              <a:gd name="connsiteY16" fmla="*/ 0 h 2620800"/>
              <a:gd name="connsiteX17" fmla="*/ 1989369 w 3988800"/>
              <a:gd name="connsiteY17" fmla="*/ 0 h 2620800"/>
              <a:gd name="connsiteX18" fmla="*/ 2218697 w 3988800"/>
              <a:gd name="connsiteY18" fmla="*/ 0 h 2620800"/>
              <a:gd name="connsiteX19" fmla="*/ 2465006 w 3988800"/>
              <a:gd name="connsiteY19" fmla="*/ 0 h 2620800"/>
              <a:gd name="connsiteX20" fmla="*/ 2728901 w 3988800"/>
              <a:gd name="connsiteY20" fmla="*/ 0 h 2620800"/>
              <a:gd name="connsiteX21" fmla="*/ 3010988 w 3988800"/>
              <a:gd name="connsiteY21" fmla="*/ 0 h 2620800"/>
              <a:gd name="connsiteX22" fmla="*/ 3311875 w 3988800"/>
              <a:gd name="connsiteY22" fmla="*/ 0 h 2620800"/>
              <a:gd name="connsiteX23" fmla="*/ 3988800 w 3988800"/>
              <a:gd name="connsiteY23" fmla="*/ 681670 h 2620800"/>
              <a:gd name="connsiteX24" fmla="*/ 3988800 w 3988800"/>
              <a:gd name="connsiteY24" fmla="*/ 685460 h 2620800"/>
              <a:gd name="connsiteX25" fmla="*/ 3988800 w 3988800"/>
              <a:gd name="connsiteY25" fmla="*/ 694461 h 2620800"/>
              <a:gd name="connsiteX26" fmla="*/ 3988800 w 3988800"/>
              <a:gd name="connsiteY26" fmla="*/ 711988 h 2620800"/>
              <a:gd name="connsiteX27" fmla="*/ 3988800 w 3988800"/>
              <a:gd name="connsiteY27" fmla="*/ 740886 h 2620800"/>
              <a:gd name="connsiteX28" fmla="*/ 3988800 w 3988800"/>
              <a:gd name="connsiteY28" fmla="*/ 783995 h 2620800"/>
              <a:gd name="connsiteX29" fmla="*/ 3988800 w 3988800"/>
              <a:gd name="connsiteY29" fmla="*/ 844158 h 2620800"/>
              <a:gd name="connsiteX30" fmla="*/ 3988800 w 3988800"/>
              <a:gd name="connsiteY30" fmla="*/ 924218 h 2620800"/>
              <a:gd name="connsiteX31" fmla="*/ 3988800 w 3988800"/>
              <a:gd name="connsiteY31" fmla="*/ 1027016 h 2620800"/>
              <a:gd name="connsiteX32" fmla="*/ 3988800 w 3988800"/>
              <a:gd name="connsiteY32" fmla="*/ 1155396 h 2620800"/>
              <a:gd name="connsiteX33" fmla="*/ 3988800 w 3988800"/>
              <a:gd name="connsiteY33" fmla="*/ 1230067 h 2620800"/>
              <a:gd name="connsiteX34" fmla="*/ 3988800 w 3988800"/>
              <a:gd name="connsiteY34" fmla="*/ 1312199 h 2620800"/>
              <a:gd name="connsiteX35" fmla="*/ 3988800 w 3988800"/>
              <a:gd name="connsiteY35" fmla="*/ 1402148 h 2620800"/>
              <a:gd name="connsiteX36" fmla="*/ 3988800 w 3988800"/>
              <a:gd name="connsiteY36" fmla="*/ 1500268 h 2620800"/>
              <a:gd name="connsiteX37" fmla="*/ 3988800 w 3988800"/>
              <a:gd name="connsiteY37" fmla="*/ 1606916 h 2620800"/>
              <a:gd name="connsiteX38" fmla="*/ 3988800 w 3988800"/>
              <a:gd name="connsiteY38" fmla="*/ 1722446 h 2620800"/>
              <a:gd name="connsiteX39" fmla="*/ 3988800 w 3988800"/>
              <a:gd name="connsiteY39" fmla="*/ 1847213 h 2620800"/>
              <a:gd name="connsiteX40" fmla="*/ 3988800 w 3988800"/>
              <a:gd name="connsiteY40" fmla="*/ 1981574 h 2620800"/>
              <a:gd name="connsiteX41" fmla="*/ 3988800 w 3988800"/>
              <a:gd name="connsiteY41" fmla="*/ 2125882 h 2620800"/>
              <a:gd name="connsiteX42" fmla="*/ 3988800 w 3988800"/>
              <a:gd name="connsiteY42" fmla="*/ 2280495 h 2620800"/>
              <a:gd name="connsiteX43" fmla="*/ 3988800 w 3988800"/>
              <a:gd name="connsiteY43" fmla="*/ 2445766 h 2620800"/>
              <a:gd name="connsiteX44" fmla="*/ 3988800 w 3988800"/>
              <a:gd name="connsiteY44" fmla="*/ 2620800 h 2620800"/>
              <a:gd name="connsiteX45" fmla="*/ 2122510 w 3988800"/>
              <a:gd name="connsiteY45" fmla="*/ 2620800 h 2620800"/>
              <a:gd name="connsiteX46" fmla="*/ 2122510 w 3988800"/>
              <a:gd name="connsiteY46" fmla="*/ 2619425 h 2620800"/>
              <a:gd name="connsiteX47" fmla="*/ 2122510 w 3988800"/>
              <a:gd name="connsiteY47" fmla="*/ 1277735 h 2620800"/>
              <a:gd name="connsiteX48" fmla="*/ 765495 w 3988800"/>
              <a:gd name="connsiteY48" fmla="*/ 1277735 h 2620800"/>
              <a:gd name="connsiteX49" fmla="*/ 765495 w 3988800"/>
              <a:gd name="connsiteY49" fmla="*/ 2499919 h 2620800"/>
              <a:gd name="connsiteX50" fmla="*/ 765495 w 3988800"/>
              <a:gd name="connsiteY50" fmla="*/ 2620800 h 2620800"/>
              <a:gd name="connsiteX51" fmla="*/ 0 w 3988800"/>
              <a:gd name="connsiteY51" fmla="*/ 2620800 h 2620800"/>
              <a:gd name="connsiteX52" fmla="*/ 0 w 3988800"/>
              <a:gd name="connsiteY52" fmla="*/ 2616930 h 2620800"/>
              <a:gd name="connsiteX53" fmla="*/ 0 w 3988800"/>
              <a:gd name="connsiteY53" fmla="*/ 2604767 h 2620800"/>
              <a:gd name="connsiteX54" fmla="*/ 0 w 3988800"/>
              <a:gd name="connsiteY54" fmla="*/ 2581081 h 2620800"/>
              <a:gd name="connsiteX55" fmla="*/ 0 w 3988800"/>
              <a:gd name="connsiteY55" fmla="*/ 2542032 h 2620800"/>
              <a:gd name="connsiteX56" fmla="*/ 0 w 3988800"/>
              <a:gd name="connsiteY56" fmla="*/ 2483779 h 2620800"/>
              <a:gd name="connsiteX57" fmla="*/ 0 w 3988800"/>
              <a:gd name="connsiteY57" fmla="*/ 2402480 h 2620800"/>
              <a:gd name="connsiteX58" fmla="*/ 0 w 3988800"/>
              <a:gd name="connsiteY58" fmla="*/ 2351988 h 2620800"/>
              <a:gd name="connsiteX59" fmla="*/ 0 w 3988800"/>
              <a:gd name="connsiteY59" fmla="*/ 2294295 h 2620800"/>
              <a:gd name="connsiteX60" fmla="*/ 0 w 3988800"/>
              <a:gd name="connsiteY60" fmla="*/ 2228919 h 2620800"/>
              <a:gd name="connsiteX61" fmla="*/ 0 w 3988800"/>
              <a:gd name="connsiteY61" fmla="*/ 2155382 h 2620800"/>
              <a:gd name="connsiteX62" fmla="*/ 0 w 3988800"/>
              <a:gd name="connsiteY62" fmla="*/ 2073203 h 2620800"/>
              <a:gd name="connsiteX63" fmla="*/ 0 w 3988800"/>
              <a:gd name="connsiteY63" fmla="*/ 1981902 h 2620800"/>
              <a:gd name="connsiteX64" fmla="*/ 0 w 3988800"/>
              <a:gd name="connsiteY64" fmla="*/ 1880998 h 2620800"/>
              <a:gd name="connsiteX65" fmla="*/ 0 w 3988800"/>
              <a:gd name="connsiteY65" fmla="*/ 1770012 h 2620800"/>
              <a:gd name="connsiteX66" fmla="*/ 0 w 3988800"/>
              <a:gd name="connsiteY66" fmla="*/ 1648464 h 2620800"/>
              <a:gd name="connsiteX67" fmla="*/ 0 w 3988800"/>
              <a:gd name="connsiteY67" fmla="*/ 1515873 h 2620800"/>
              <a:gd name="connsiteX68" fmla="*/ 0 w 3988800"/>
              <a:gd name="connsiteY68" fmla="*/ 1371760 h 2620800"/>
              <a:gd name="connsiteX69" fmla="*/ 0 w 3988800"/>
              <a:gd name="connsiteY69" fmla="*/ 1215643 h 2620800"/>
              <a:gd name="connsiteX70" fmla="*/ 0 w 3988800"/>
              <a:gd name="connsiteY70" fmla="*/ 1047044 h 2620800"/>
              <a:gd name="connsiteX71" fmla="*/ 0 w 3988800"/>
              <a:gd name="connsiteY71" fmla="*/ 865482 h 2620800"/>
              <a:gd name="connsiteX72" fmla="*/ 0 w 3988800"/>
              <a:gd name="connsiteY72" fmla="*/ 670476 h 2620800"/>
              <a:gd name="connsiteX73" fmla="*/ 0 w 3988800"/>
              <a:gd name="connsiteY73" fmla="*/ 461548 h 2620800"/>
              <a:gd name="connsiteX74" fmla="*/ 0 w 3988800"/>
              <a:gd name="connsiteY74" fmla="*/ 238216 h 26208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</a:cxnLst>
            <a:rect l="l" t="t" r="r" b="b"/>
            <a:pathLst>
              <a:path w="3988800" h="2620800">
                <a:moveTo>
                  <a:pt x="0" y="0"/>
                </a:moveTo>
                <a:lnTo>
                  <a:pt x="6469" y="0"/>
                </a:lnTo>
                <a:lnTo>
                  <a:pt x="21831" y="0"/>
                </a:lnTo>
                <a:lnTo>
                  <a:pt x="51748" y="0"/>
                </a:lnTo>
                <a:lnTo>
                  <a:pt x="101071" y="0"/>
                </a:lnTo>
                <a:lnTo>
                  <a:pt x="174650" y="0"/>
                </a:lnTo>
                <a:lnTo>
                  <a:pt x="277337" y="0"/>
                </a:lnTo>
                <a:lnTo>
                  <a:pt x="413984" y="0"/>
                </a:lnTo>
                <a:lnTo>
                  <a:pt x="589443" y="0"/>
                </a:lnTo>
                <a:lnTo>
                  <a:pt x="693242" y="0"/>
                </a:lnTo>
                <a:lnTo>
                  <a:pt x="808563" y="0"/>
                </a:lnTo>
                <a:lnTo>
                  <a:pt x="936013" y="0"/>
                </a:lnTo>
                <a:lnTo>
                  <a:pt x="1076198" y="0"/>
                </a:lnTo>
                <a:lnTo>
                  <a:pt x="1229724" y="0"/>
                </a:lnTo>
                <a:lnTo>
                  <a:pt x="1397197" y="0"/>
                </a:lnTo>
                <a:lnTo>
                  <a:pt x="1579225" y="0"/>
                </a:lnTo>
                <a:lnTo>
                  <a:pt x="1776413" y="0"/>
                </a:lnTo>
                <a:lnTo>
                  <a:pt x="1989369" y="0"/>
                </a:lnTo>
                <a:lnTo>
                  <a:pt x="2218697" y="0"/>
                </a:lnTo>
                <a:lnTo>
                  <a:pt x="2465006" y="0"/>
                </a:lnTo>
                <a:lnTo>
                  <a:pt x="2728901" y="0"/>
                </a:lnTo>
                <a:lnTo>
                  <a:pt x="3010988" y="0"/>
                </a:lnTo>
                <a:lnTo>
                  <a:pt x="3311875" y="0"/>
                </a:lnTo>
                <a:cubicBezTo>
                  <a:pt x="3577584" y="266327"/>
                  <a:pt x="3726254" y="415343"/>
                  <a:pt x="3988800" y="681670"/>
                </a:cubicBezTo>
                <a:lnTo>
                  <a:pt x="3988800" y="685460"/>
                </a:lnTo>
                <a:lnTo>
                  <a:pt x="3988800" y="694461"/>
                </a:lnTo>
                <a:lnTo>
                  <a:pt x="3988800" y="711988"/>
                </a:lnTo>
                <a:lnTo>
                  <a:pt x="3988800" y="740886"/>
                </a:lnTo>
                <a:lnTo>
                  <a:pt x="3988800" y="783995"/>
                </a:lnTo>
                <a:lnTo>
                  <a:pt x="3988800" y="844158"/>
                </a:lnTo>
                <a:lnTo>
                  <a:pt x="3988800" y="924218"/>
                </a:lnTo>
                <a:lnTo>
                  <a:pt x="3988800" y="1027016"/>
                </a:lnTo>
                <a:lnTo>
                  <a:pt x="3988800" y="1155396"/>
                </a:lnTo>
                <a:lnTo>
                  <a:pt x="3988800" y="1230067"/>
                </a:lnTo>
                <a:lnTo>
                  <a:pt x="3988800" y="1312199"/>
                </a:lnTo>
                <a:lnTo>
                  <a:pt x="3988800" y="1402148"/>
                </a:lnTo>
                <a:lnTo>
                  <a:pt x="3988800" y="1500268"/>
                </a:lnTo>
                <a:lnTo>
                  <a:pt x="3988800" y="1606916"/>
                </a:lnTo>
                <a:lnTo>
                  <a:pt x="3988800" y="1722446"/>
                </a:lnTo>
                <a:lnTo>
                  <a:pt x="3988800" y="1847213"/>
                </a:lnTo>
                <a:lnTo>
                  <a:pt x="3988800" y="1981574"/>
                </a:lnTo>
                <a:lnTo>
                  <a:pt x="3988800" y="2125882"/>
                </a:lnTo>
                <a:lnTo>
                  <a:pt x="3988800" y="2280495"/>
                </a:lnTo>
                <a:lnTo>
                  <a:pt x="3988800" y="2445766"/>
                </a:lnTo>
                <a:lnTo>
                  <a:pt x="3988800" y="2620800"/>
                </a:lnTo>
                <a:lnTo>
                  <a:pt x="2122510" y="2620800"/>
                </a:lnTo>
                <a:lnTo>
                  <a:pt x="2122510" y="2619425"/>
                </a:lnTo>
                <a:cubicBezTo>
                  <a:pt x="2122510" y="2601046"/>
                  <a:pt x="2122510" y="2454011"/>
                  <a:pt x="2122510" y="1277735"/>
                </a:cubicBezTo>
                <a:cubicBezTo>
                  <a:pt x="2122510" y="1277735"/>
                  <a:pt x="2122510" y="1277735"/>
                  <a:pt x="765495" y="1277735"/>
                </a:cubicBezTo>
                <a:cubicBezTo>
                  <a:pt x="765495" y="1277735"/>
                  <a:pt x="765495" y="1277735"/>
                  <a:pt x="765495" y="2499919"/>
                </a:cubicBezTo>
                <a:lnTo>
                  <a:pt x="765495" y="2620800"/>
                </a:lnTo>
                <a:lnTo>
                  <a:pt x="0" y="2620800"/>
                </a:lnTo>
                <a:lnTo>
                  <a:pt x="0" y="2616930"/>
                </a:lnTo>
                <a:lnTo>
                  <a:pt x="0" y="2604767"/>
                </a:lnTo>
                <a:lnTo>
                  <a:pt x="0" y="2581081"/>
                </a:lnTo>
                <a:lnTo>
                  <a:pt x="0" y="2542032"/>
                </a:lnTo>
                <a:lnTo>
                  <a:pt x="0" y="2483779"/>
                </a:lnTo>
                <a:lnTo>
                  <a:pt x="0" y="2402480"/>
                </a:lnTo>
                <a:lnTo>
                  <a:pt x="0" y="2351988"/>
                </a:lnTo>
                <a:lnTo>
                  <a:pt x="0" y="2294295"/>
                </a:lnTo>
                <a:lnTo>
                  <a:pt x="0" y="2228919"/>
                </a:lnTo>
                <a:lnTo>
                  <a:pt x="0" y="2155382"/>
                </a:lnTo>
                <a:lnTo>
                  <a:pt x="0" y="2073203"/>
                </a:lnTo>
                <a:lnTo>
                  <a:pt x="0" y="1981902"/>
                </a:lnTo>
                <a:lnTo>
                  <a:pt x="0" y="1880998"/>
                </a:lnTo>
                <a:lnTo>
                  <a:pt x="0" y="1770012"/>
                </a:lnTo>
                <a:lnTo>
                  <a:pt x="0" y="1648464"/>
                </a:lnTo>
                <a:lnTo>
                  <a:pt x="0" y="1515873"/>
                </a:lnTo>
                <a:lnTo>
                  <a:pt x="0" y="1371760"/>
                </a:lnTo>
                <a:lnTo>
                  <a:pt x="0" y="1215643"/>
                </a:lnTo>
                <a:lnTo>
                  <a:pt x="0" y="1047044"/>
                </a:lnTo>
                <a:lnTo>
                  <a:pt x="0" y="865482"/>
                </a:lnTo>
                <a:lnTo>
                  <a:pt x="0" y="670476"/>
                </a:lnTo>
                <a:lnTo>
                  <a:pt x="0" y="461548"/>
                </a:lnTo>
                <a:lnTo>
                  <a:pt x="0" y="238216"/>
                </a:lnTo>
                <a:close/>
              </a:path>
            </a:pathLst>
          </a:cu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30" name="Grafik top"/>
          <p:cNvSpPr/>
          <p:nvPr userDrawn="1"/>
        </p:nvSpPr>
        <p:spPr>
          <a:xfrm>
            <a:off x="4204009" y="0"/>
            <a:ext cx="2448000" cy="1327939"/>
          </a:xfrm>
          <a:custGeom>
            <a:avLst/>
            <a:gdLst>
              <a:gd name="connsiteX0" fmla="*/ 0 w 2448000"/>
              <a:gd name="connsiteY0" fmla="*/ 0 h 1327939"/>
              <a:gd name="connsiteX1" fmla="*/ 2448000 w 2448000"/>
              <a:gd name="connsiteY1" fmla="*/ 0 h 1327939"/>
              <a:gd name="connsiteX2" fmla="*/ 2448000 w 2448000"/>
              <a:gd name="connsiteY2" fmla="*/ 1327939 h 1327939"/>
              <a:gd name="connsiteX3" fmla="*/ 1796441 w 2448000"/>
              <a:gd name="connsiteY3" fmla="*/ 1327939 h 1327939"/>
              <a:gd name="connsiteX4" fmla="*/ 898221 w 2448000"/>
              <a:gd name="connsiteY4" fmla="*/ 262175 h 1327939"/>
              <a:gd name="connsiteX5" fmla="*/ 898221 w 2448000"/>
              <a:gd name="connsiteY5" fmla="*/ 1327939 h 1327939"/>
              <a:gd name="connsiteX6" fmla="*/ 0 w 2448000"/>
              <a:gd name="connsiteY6" fmla="*/ 1327939 h 132793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2448000" h="1327939">
                <a:moveTo>
                  <a:pt x="0" y="0"/>
                </a:moveTo>
                <a:lnTo>
                  <a:pt x="2448000" y="0"/>
                </a:lnTo>
                <a:lnTo>
                  <a:pt x="2448000" y="1327939"/>
                </a:lnTo>
                <a:lnTo>
                  <a:pt x="1796441" y="1327939"/>
                </a:lnTo>
                <a:lnTo>
                  <a:pt x="898221" y="262175"/>
                </a:lnTo>
                <a:lnTo>
                  <a:pt x="898221" y="1327939"/>
                </a:lnTo>
                <a:lnTo>
                  <a:pt x="0" y="1327939"/>
                </a:lnTo>
                <a:close/>
              </a:path>
            </a:pathLst>
          </a:cu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31" name="TextBox 30"/>
          <p:cNvSpPr txBox="1"/>
          <p:nvPr userDrawn="1"/>
        </p:nvSpPr>
        <p:spPr>
          <a:xfrm>
            <a:off x="-1" y="-300028"/>
            <a:ext cx="1188000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b="1" dirty="0"/>
              <a:t>Bemærk</a:t>
            </a:r>
            <a:r>
              <a:rPr lang="da-DK" sz="1200" dirty="0"/>
              <a:t>: På denne side kan billederne udskiftes. </a:t>
            </a:r>
          </a:p>
        </p:txBody>
      </p:sp>
      <p:sp>
        <p:nvSpPr>
          <p:cNvPr id="12" name="Date Placeholder 1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9FE36D3-6D8A-41B0-8F1B-2F75587B4040}" type="datetime2">
              <a:rPr lang="da-DK" smtClean="0"/>
              <a:t>22. november 2017</a:t>
            </a:fld>
            <a:endParaRPr lang="da-DK" dirty="0"/>
          </a:p>
        </p:txBody>
      </p:sp>
      <p:sp>
        <p:nvSpPr>
          <p:cNvPr id="13" name="Footer Placeholder 1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4" name="Slide Number Placeholder 13" hidden="1"/>
          <p:cNvSpPr>
            <a:spLocks noGrp="1"/>
          </p:cNvSpPr>
          <p:nvPr>
            <p:ph type="sldNum" sz="quarter" idx="12"/>
          </p:nvPr>
        </p:nvSpPr>
        <p:spPr>
          <a:xfrm>
            <a:off x="0" y="6984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878196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ød baggr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pic>
        <p:nvPicPr>
          <p:cNvPr id="2" name="smid ud" hidden="1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33" y="0"/>
            <a:ext cx="12179334" cy="6858000"/>
          </a:xfrm>
          <a:prstGeom prst="rect">
            <a:avLst/>
          </a:prstGeom>
        </p:spPr>
      </p:pic>
      <p:sp>
        <p:nvSpPr>
          <p:cNvPr id="9" name="Title 1"/>
          <p:cNvSpPr>
            <a:spLocks noGrp="1"/>
          </p:cNvSpPr>
          <p:nvPr>
            <p:ph type="title"/>
          </p:nvPr>
        </p:nvSpPr>
        <p:spPr>
          <a:xfrm>
            <a:off x="6870893" y="1964224"/>
            <a:ext cx="4472585" cy="733525"/>
          </a:xfrm>
        </p:spPr>
        <p:txBody>
          <a:bodyPr anchor="t" anchorCtr="0"/>
          <a:lstStyle>
            <a:lvl1pPr>
              <a:lnSpc>
                <a:spcPct val="93000"/>
              </a:lnSpc>
              <a:defRPr sz="2500">
                <a:solidFill>
                  <a:schemeClr val="bg2"/>
                </a:solidFill>
              </a:defRPr>
            </a:lvl1pPr>
          </a:lstStyle>
          <a:p>
            <a:r>
              <a:rPr lang="da-DK" dirty="0"/>
              <a:t>Click to edit Master title style</a:t>
            </a:r>
          </a:p>
        </p:txBody>
      </p:sp>
      <p:sp>
        <p:nvSpPr>
          <p:cNvPr id="10" name="Content Placeholder 2"/>
          <p:cNvSpPr>
            <a:spLocks noGrp="1"/>
          </p:cNvSpPr>
          <p:nvPr>
            <p:ph idx="1"/>
          </p:nvPr>
        </p:nvSpPr>
        <p:spPr>
          <a:xfrm>
            <a:off x="6870894" y="2840798"/>
            <a:ext cx="4472585" cy="3224985"/>
          </a:xfrm>
        </p:spPr>
        <p:txBody>
          <a:bodyPr/>
          <a:lstStyle>
            <a:lvl1pPr>
              <a:buClr>
                <a:schemeClr val="bg2"/>
              </a:buClr>
              <a:defRPr>
                <a:solidFill>
                  <a:schemeClr val="bg2"/>
                </a:solidFill>
              </a:defRPr>
            </a:lvl1pPr>
            <a:lvl2pPr>
              <a:buClr>
                <a:schemeClr val="bg2"/>
              </a:buClr>
              <a:defRPr>
                <a:solidFill>
                  <a:schemeClr val="bg2"/>
                </a:solidFill>
              </a:defRPr>
            </a:lvl2pPr>
            <a:lvl3pPr>
              <a:buClr>
                <a:schemeClr val="bg2"/>
              </a:buClr>
              <a:defRPr>
                <a:solidFill>
                  <a:schemeClr val="bg2"/>
                </a:solidFill>
              </a:defRPr>
            </a:lvl3pPr>
            <a:lvl4pPr>
              <a:buClr>
                <a:schemeClr val="bg2"/>
              </a:buClr>
              <a:defRPr>
                <a:solidFill>
                  <a:schemeClr val="bg2"/>
                </a:solidFill>
              </a:defRPr>
            </a:lvl4pPr>
            <a:lvl5pPr>
              <a:buClr>
                <a:schemeClr val="bg2"/>
              </a:buClr>
              <a:defRPr>
                <a:solidFill>
                  <a:schemeClr val="bg2"/>
                </a:solidFill>
              </a:defRPr>
            </a:lvl5pPr>
            <a:lvl6pPr>
              <a:buClr>
                <a:schemeClr val="bg2"/>
              </a:buClr>
              <a:defRPr>
                <a:solidFill>
                  <a:schemeClr val="bg2"/>
                </a:solidFill>
              </a:defRPr>
            </a:lvl6pPr>
            <a:lvl7pPr>
              <a:buClr>
                <a:schemeClr val="bg2"/>
              </a:buClr>
              <a:defRPr>
                <a:solidFill>
                  <a:schemeClr val="bg2"/>
                </a:solidFill>
              </a:defRPr>
            </a:lvl7pPr>
            <a:lvl8pPr>
              <a:buClr>
                <a:schemeClr val="bg2"/>
              </a:buClr>
              <a:defRPr>
                <a:solidFill>
                  <a:schemeClr val="bg2"/>
                </a:solidFill>
              </a:defRPr>
            </a:lvl8pPr>
            <a:lvl9pPr>
              <a:buClr>
                <a:schemeClr val="bg2"/>
              </a:buClr>
              <a:defRPr>
                <a:solidFill>
                  <a:schemeClr val="bg2"/>
                </a:solidFill>
              </a:defRPr>
            </a:lvl9pPr>
          </a:lstStyle>
          <a:p>
            <a:pPr lvl="0"/>
            <a:r>
              <a:rPr lang="da-DK" noProof="0" dirty="0"/>
              <a:t>Edit Master </a:t>
            </a:r>
            <a:r>
              <a:rPr lang="da-DK" noProof="0" dirty="0" err="1"/>
              <a:t>text</a:t>
            </a:r>
            <a:r>
              <a:rPr lang="da-DK" noProof="0" dirty="0"/>
              <a:t> styles</a:t>
            </a:r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5"/>
            <a:r>
              <a:rPr lang="da-DK" noProof="0" dirty="0"/>
              <a:t>6</a:t>
            </a:r>
          </a:p>
          <a:p>
            <a:pPr lvl="6"/>
            <a:r>
              <a:rPr lang="da-DK" noProof="0" dirty="0"/>
              <a:t>7</a:t>
            </a:r>
          </a:p>
          <a:p>
            <a:pPr lvl="7"/>
            <a:r>
              <a:rPr lang="da-DK" noProof="0" dirty="0"/>
              <a:t>8</a:t>
            </a:r>
          </a:p>
          <a:p>
            <a:pPr lvl="8"/>
            <a:r>
              <a:rPr lang="da-DK" noProof="0" dirty="0"/>
              <a:t>9</a:t>
            </a:r>
          </a:p>
        </p:txBody>
      </p:sp>
      <p:sp>
        <p:nvSpPr>
          <p:cNvPr id="14" name="Slide Number Placeholder 1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2"/>
                </a:solidFill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2" name="Date Placeholder 1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9FE36D3-6D8A-41B0-8F1B-2F75587B4040}" type="datetime2">
              <a:rPr lang="da-DK" smtClean="0"/>
              <a:t>22. november 2017</a:t>
            </a:fld>
            <a:endParaRPr lang="da-DK" dirty="0"/>
          </a:p>
        </p:txBody>
      </p:sp>
      <p:sp>
        <p:nvSpPr>
          <p:cNvPr id="13" name="Footer Placeholder 1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0" name="TextBox 19"/>
          <p:cNvSpPr txBox="1"/>
          <p:nvPr userDrawn="1"/>
        </p:nvSpPr>
        <p:spPr>
          <a:xfrm>
            <a:off x="-1" y="-300028"/>
            <a:ext cx="1188000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b="1" dirty="0"/>
              <a:t>Bemærk</a:t>
            </a:r>
            <a:r>
              <a:rPr lang="da-DK" sz="1200" dirty="0"/>
              <a:t>: På denne side kan billedet udskiftes. </a:t>
            </a:r>
          </a:p>
        </p:txBody>
      </p:sp>
      <p:sp>
        <p:nvSpPr>
          <p:cNvPr id="17" name="Picture Placeholder 16"/>
          <p:cNvSpPr>
            <a:spLocks noGrp="1"/>
          </p:cNvSpPr>
          <p:nvPr>
            <p:ph type="pic" sz="quarter" idx="16" hasCustomPrompt="1"/>
          </p:nvPr>
        </p:nvSpPr>
        <p:spPr>
          <a:xfrm>
            <a:off x="208799" y="208799"/>
            <a:ext cx="6444000" cy="6444000"/>
          </a:xfrm>
          <a:custGeom>
            <a:avLst/>
            <a:gdLst>
              <a:gd name="connsiteX0" fmla="*/ 0 w 6444000"/>
              <a:gd name="connsiteY0" fmla="*/ 0 h 6444000"/>
              <a:gd name="connsiteX1" fmla="*/ 1364 w 6444000"/>
              <a:gd name="connsiteY1" fmla="*/ 0 h 6444000"/>
              <a:gd name="connsiteX2" fmla="*/ 10912 w 6444000"/>
              <a:gd name="connsiteY2" fmla="*/ 0 h 6444000"/>
              <a:gd name="connsiteX3" fmla="*/ 36828 w 6444000"/>
              <a:gd name="connsiteY3" fmla="*/ 0 h 6444000"/>
              <a:gd name="connsiteX4" fmla="*/ 58481 w 6444000"/>
              <a:gd name="connsiteY4" fmla="*/ 0 h 6444000"/>
              <a:gd name="connsiteX5" fmla="*/ 87296 w 6444000"/>
              <a:gd name="connsiteY5" fmla="*/ 0 h 6444000"/>
              <a:gd name="connsiteX6" fmla="*/ 124294 w 6444000"/>
              <a:gd name="connsiteY6" fmla="*/ 0 h 6444000"/>
              <a:gd name="connsiteX7" fmla="*/ 170499 w 6444000"/>
              <a:gd name="connsiteY7" fmla="*/ 0 h 6444000"/>
              <a:gd name="connsiteX8" fmla="*/ 226935 w 6444000"/>
              <a:gd name="connsiteY8" fmla="*/ 0 h 6444000"/>
              <a:gd name="connsiteX9" fmla="*/ 294623 w 6444000"/>
              <a:gd name="connsiteY9" fmla="*/ 0 h 6444000"/>
              <a:gd name="connsiteX10" fmla="*/ 374587 w 6444000"/>
              <a:gd name="connsiteY10" fmla="*/ 0 h 6444000"/>
              <a:gd name="connsiteX11" fmla="*/ 467850 w 6444000"/>
              <a:gd name="connsiteY11" fmla="*/ 0 h 6444000"/>
              <a:gd name="connsiteX12" fmla="*/ 575435 w 6444000"/>
              <a:gd name="connsiteY12" fmla="*/ 0 h 6444000"/>
              <a:gd name="connsiteX13" fmla="*/ 698365 w 6444000"/>
              <a:gd name="connsiteY13" fmla="*/ 0 h 6444000"/>
              <a:gd name="connsiteX14" fmla="*/ 837663 w 6444000"/>
              <a:gd name="connsiteY14" fmla="*/ 0 h 6444000"/>
              <a:gd name="connsiteX15" fmla="*/ 994351 w 6444000"/>
              <a:gd name="connsiteY15" fmla="*/ 0 h 6444000"/>
              <a:gd name="connsiteX16" fmla="*/ 1169454 w 6444000"/>
              <a:gd name="connsiteY16" fmla="*/ 0 h 6444000"/>
              <a:gd name="connsiteX17" fmla="*/ 1363993 w 6444000"/>
              <a:gd name="connsiteY17" fmla="*/ 0 h 6444000"/>
              <a:gd name="connsiteX18" fmla="*/ 1578993 w 6444000"/>
              <a:gd name="connsiteY18" fmla="*/ 0 h 6444000"/>
              <a:gd name="connsiteX19" fmla="*/ 1815475 w 6444000"/>
              <a:gd name="connsiteY19" fmla="*/ 0 h 6444000"/>
              <a:gd name="connsiteX20" fmla="*/ 2074464 w 6444000"/>
              <a:gd name="connsiteY20" fmla="*/ 0 h 6444000"/>
              <a:gd name="connsiteX21" fmla="*/ 2356981 w 6444000"/>
              <a:gd name="connsiteY21" fmla="*/ 0 h 6444000"/>
              <a:gd name="connsiteX22" fmla="*/ 2664050 w 6444000"/>
              <a:gd name="connsiteY22" fmla="*/ 0 h 6444000"/>
              <a:gd name="connsiteX23" fmla="*/ 2996693 w 6444000"/>
              <a:gd name="connsiteY23" fmla="*/ 0 h 6444000"/>
              <a:gd name="connsiteX24" fmla="*/ 3355935 w 6444000"/>
              <a:gd name="connsiteY24" fmla="*/ 0 h 6444000"/>
              <a:gd name="connsiteX25" fmla="*/ 3742798 w 6444000"/>
              <a:gd name="connsiteY25" fmla="*/ 0 h 6444000"/>
              <a:gd name="connsiteX26" fmla="*/ 4158304 w 6444000"/>
              <a:gd name="connsiteY26" fmla="*/ 0 h 6444000"/>
              <a:gd name="connsiteX27" fmla="*/ 4377119 w 6444000"/>
              <a:gd name="connsiteY27" fmla="*/ 0 h 6444000"/>
              <a:gd name="connsiteX28" fmla="*/ 4603478 w 6444000"/>
              <a:gd name="connsiteY28" fmla="*/ 0 h 6444000"/>
              <a:gd name="connsiteX29" fmla="*/ 4837509 w 6444000"/>
              <a:gd name="connsiteY29" fmla="*/ 0 h 6444000"/>
              <a:gd name="connsiteX30" fmla="*/ 5079341 w 6444000"/>
              <a:gd name="connsiteY30" fmla="*/ 0 h 6444000"/>
              <a:gd name="connsiteX31" fmla="*/ 5329101 w 6444000"/>
              <a:gd name="connsiteY31" fmla="*/ 0 h 6444000"/>
              <a:gd name="connsiteX32" fmla="*/ 5586917 w 6444000"/>
              <a:gd name="connsiteY32" fmla="*/ 0 h 6444000"/>
              <a:gd name="connsiteX33" fmla="*/ 6444000 w 6444000"/>
              <a:gd name="connsiteY33" fmla="*/ 857084 h 6444000"/>
              <a:gd name="connsiteX34" fmla="*/ 6444000 w 6444000"/>
              <a:gd name="connsiteY34" fmla="*/ 858448 h 6444000"/>
              <a:gd name="connsiteX35" fmla="*/ 6444000 w 6444000"/>
              <a:gd name="connsiteY35" fmla="*/ 867996 h 6444000"/>
              <a:gd name="connsiteX36" fmla="*/ 6444000 w 6444000"/>
              <a:gd name="connsiteY36" fmla="*/ 893912 h 6444000"/>
              <a:gd name="connsiteX37" fmla="*/ 6444000 w 6444000"/>
              <a:gd name="connsiteY37" fmla="*/ 915565 h 6444000"/>
              <a:gd name="connsiteX38" fmla="*/ 6444000 w 6444000"/>
              <a:gd name="connsiteY38" fmla="*/ 944379 h 6444000"/>
              <a:gd name="connsiteX39" fmla="*/ 6444000 w 6444000"/>
              <a:gd name="connsiteY39" fmla="*/ 981378 h 6444000"/>
              <a:gd name="connsiteX40" fmla="*/ 6444000 w 6444000"/>
              <a:gd name="connsiteY40" fmla="*/ 1027583 h 6444000"/>
              <a:gd name="connsiteX41" fmla="*/ 6444000 w 6444000"/>
              <a:gd name="connsiteY41" fmla="*/ 1084018 h 6444000"/>
              <a:gd name="connsiteX42" fmla="*/ 6444000 w 6444000"/>
              <a:gd name="connsiteY42" fmla="*/ 1151706 h 6444000"/>
              <a:gd name="connsiteX43" fmla="*/ 6444000 w 6444000"/>
              <a:gd name="connsiteY43" fmla="*/ 1231671 h 6444000"/>
              <a:gd name="connsiteX44" fmla="*/ 6444000 w 6444000"/>
              <a:gd name="connsiteY44" fmla="*/ 1324934 h 6444000"/>
              <a:gd name="connsiteX45" fmla="*/ 6444000 w 6444000"/>
              <a:gd name="connsiteY45" fmla="*/ 1432519 h 6444000"/>
              <a:gd name="connsiteX46" fmla="*/ 6444000 w 6444000"/>
              <a:gd name="connsiteY46" fmla="*/ 1555448 h 6444000"/>
              <a:gd name="connsiteX47" fmla="*/ 6444000 w 6444000"/>
              <a:gd name="connsiteY47" fmla="*/ 1694746 h 6444000"/>
              <a:gd name="connsiteX48" fmla="*/ 6444000 w 6444000"/>
              <a:gd name="connsiteY48" fmla="*/ 1851435 h 6444000"/>
              <a:gd name="connsiteX49" fmla="*/ 6444000 w 6444000"/>
              <a:gd name="connsiteY49" fmla="*/ 2026538 h 6444000"/>
              <a:gd name="connsiteX50" fmla="*/ 6444000 w 6444000"/>
              <a:gd name="connsiteY50" fmla="*/ 2221077 h 6444000"/>
              <a:gd name="connsiteX51" fmla="*/ 6444000 w 6444000"/>
              <a:gd name="connsiteY51" fmla="*/ 2436077 h 6444000"/>
              <a:gd name="connsiteX52" fmla="*/ 6444000 w 6444000"/>
              <a:gd name="connsiteY52" fmla="*/ 2672559 h 6444000"/>
              <a:gd name="connsiteX53" fmla="*/ 6444000 w 6444000"/>
              <a:gd name="connsiteY53" fmla="*/ 2931547 h 6444000"/>
              <a:gd name="connsiteX54" fmla="*/ 6444000 w 6444000"/>
              <a:gd name="connsiteY54" fmla="*/ 3214064 h 6444000"/>
              <a:gd name="connsiteX55" fmla="*/ 6444000 w 6444000"/>
              <a:gd name="connsiteY55" fmla="*/ 3521133 h 6444000"/>
              <a:gd name="connsiteX56" fmla="*/ 6444000 w 6444000"/>
              <a:gd name="connsiteY56" fmla="*/ 3853777 h 6444000"/>
              <a:gd name="connsiteX57" fmla="*/ 6444000 w 6444000"/>
              <a:gd name="connsiteY57" fmla="*/ 4213019 h 6444000"/>
              <a:gd name="connsiteX58" fmla="*/ 6444000 w 6444000"/>
              <a:gd name="connsiteY58" fmla="*/ 4599881 h 6444000"/>
              <a:gd name="connsiteX59" fmla="*/ 6444000 w 6444000"/>
              <a:gd name="connsiteY59" fmla="*/ 5015388 h 6444000"/>
              <a:gd name="connsiteX60" fmla="*/ 6444000 w 6444000"/>
              <a:gd name="connsiteY60" fmla="*/ 5234202 h 6444000"/>
              <a:gd name="connsiteX61" fmla="*/ 6444000 w 6444000"/>
              <a:gd name="connsiteY61" fmla="*/ 5460561 h 6444000"/>
              <a:gd name="connsiteX62" fmla="*/ 6444000 w 6444000"/>
              <a:gd name="connsiteY62" fmla="*/ 5694593 h 6444000"/>
              <a:gd name="connsiteX63" fmla="*/ 6444000 w 6444000"/>
              <a:gd name="connsiteY63" fmla="*/ 5936424 h 6444000"/>
              <a:gd name="connsiteX64" fmla="*/ 6444000 w 6444000"/>
              <a:gd name="connsiteY64" fmla="*/ 6186184 h 6444000"/>
              <a:gd name="connsiteX65" fmla="*/ 6444000 w 6444000"/>
              <a:gd name="connsiteY65" fmla="*/ 6444000 h 6444000"/>
              <a:gd name="connsiteX66" fmla="*/ 6442427 w 6444000"/>
              <a:gd name="connsiteY66" fmla="*/ 6444000 h 6444000"/>
              <a:gd name="connsiteX67" fmla="*/ 6431414 w 6444000"/>
              <a:gd name="connsiteY67" fmla="*/ 6444000 h 6444000"/>
              <a:gd name="connsiteX68" fmla="*/ 6401523 w 6444000"/>
              <a:gd name="connsiteY68" fmla="*/ 6444000 h 6444000"/>
              <a:gd name="connsiteX69" fmla="*/ 6376548 w 6444000"/>
              <a:gd name="connsiteY69" fmla="*/ 6444000 h 6444000"/>
              <a:gd name="connsiteX70" fmla="*/ 6343313 w 6444000"/>
              <a:gd name="connsiteY70" fmla="*/ 6444000 h 6444000"/>
              <a:gd name="connsiteX71" fmla="*/ 6300639 w 6444000"/>
              <a:gd name="connsiteY71" fmla="*/ 6444000 h 6444000"/>
              <a:gd name="connsiteX72" fmla="*/ 6247345 w 6444000"/>
              <a:gd name="connsiteY72" fmla="*/ 6444000 h 6444000"/>
              <a:gd name="connsiteX73" fmla="*/ 6182252 w 6444000"/>
              <a:gd name="connsiteY73" fmla="*/ 6444000 h 6444000"/>
              <a:gd name="connsiteX74" fmla="*/ 6104180 w 6444000"/>
              <a:gd name="connsiteY74" fmla="*/ 6444000 h 6444000"/>
              <a:gd name="connsiteX75" fmla="*/ 6011949 w 6444000"/>
              <a:gd name="connsiteY75" fmla="*/ 6444000 h 6444000"/>
              <a:gd name="connsiteX76" fmla="*/ 5904378 w 6444000"/>
              <a:gd name="connsiteY76" fmla="*/ 6444000 h 6444000"/>
              <a:gd name="connsiteX77" fmla="*/ 5780289 w 6444000"/>
              <a:gd name="connsiteY77" fmla="*/ 6444000 h 6444000"/>
              <a:gd name="connsiteX78" fmla="*/ 5638500 w 6444000"/>
              <a:gd name="connsiteY78" fmla="*/ 6444000 h 6444000"/>
              <a:gd name="connsiteX79" fmla="*/ 5477833 w 6444000"/>
              <a:gd name="connsiteY79" fmla="*/ 6444000 h 6444000"/>
              <a:gd name="connsiteX80" fmla="*/ 5297107 w 6444000"/>
              <a:gd name="connsiteY80" fmla="*/ 6444000 h 6444000"/>
              <a:gd name="connsiteX81" fmla="*/ 5095142 w 6444000"/>
              <a:gd name="connsiteY81" fmla="*/ 6444000 h 6444000"/>
              <a:gd name="connsiteX82" fmla="*/ 4870758 w 6444000"/>
              <a:gd name="connsiteY82" fmla="*/ 6444000 h 6444000"/>
              <a:gd name="connsiteX83" fmla="*/ 4622776 w 6444000"/>
              <a:gd name="connsiteY83" fmla="*/ 6444000 h 6444000"/>
              <a:gd name="connsiteX84" fmla="*/ 4350015 w 6444000"/>
              <a:gd name="connsiteY84" fmla="*/ 6444000 h 6444000"/>
              <a:gd name="connsiteX85" fmla="*/ 4051296 w 6444000"/>
              <a:gd name="connsiteY85" fmla="*/ 6444000 h 6444000"/>
              <a:gd name="connsiteX86" fmla="*/ 3725438 w 6444000"/>
              <a:gd name="connsiteY86" fmla="*/ 6444000 h 6444000"/>
              <a:gd name="connsiteX87" fmla="*/ 3371262 w 6444000"/>
              <a:gd name="connsiteY87" fmla="*/ 6444000 h 6444000"/>
              <a:gd name="connsiteX88" fmla="*/ 3183185 w 6444000"/>
              <a:gd name="connsiteY88" fmla="*/ 6444000 h 6444000"/>
              <a:gd name="connsiteX89" fmla="*/ 2987587 w 6444000"/>
              <a:gd name="connsiteY89" fmla="*/ 6444000 h 6444000"/>
              <a:gd name="connsiteX90" fmla="*/ 2784319 w 6444000"/>
              <a:gd name="connsiteY90" fmla="*/ 6444000 h 6444000"/>
              <a:gd name="connsiteX91" fmla="*/ 2573234 w 6444000"/>
              <a:gd name="connsiteY91" fmla="*/ 6444000 h 6444000"/>
              <a:gd name="connsiteX92" fmla="*/ 2354185 w 6444000"/>
              <a:gd name="connsiteY92" fmla="*/ 6444000 h 6444000"/>
              <a:gd name="connsiteX93" fmla="*/ 2127024 w 6444000"/>
              <a:gd name="connsiteY93" fmla="*/ 6444000 h 6444000"/>
              <a:gd name="connsiteX94" fmla="*/ 1891603 w 6444000"/>
              <a:gd name="connsiteY94" fmla="*/ 6444000 h 6444000"/>
              <a:gd name="connsiteX95" fmla="*/ 1647775 w 6444000"/>
              <a:gd name="connsiteY95" fmla="*/ 6444000 h 6444000"/>
              <a:gd name="connsiteX96" fmla="*/ 1395392 w 6444000"/>
              <a:gd name="connsiteY96" fmla="*/ 6444000 h 6444000"/>
              <a:gd name="connsiteX97" fmla="*/ 1134308 w 6444000"/>
              <a:gd name="connsiteY97" fmla="*/ 6444000 h 6444000"/>
              <a:gd name="connsiteX98" fmla="*/ 864374 w 6444000"/>
              <a:gd name="connsiteY98" fmla="*/ 6444000 h 6444000"/>
              <a:gd name="connsiteX99" fmla="*/ 585443 w 6444000"/>
              <a:gd name="connsiteY99" fmla="*/ 6444000 h 6444000"/>
              <a:gd name="connsiteX100" fmla="*/ 297367 w 6444000"/>
              <a:gd name="connsiteY100" fmla="*/ 6444000 h 6444000"/>
              <a:gd name="connsiteX101" fmla="*/ 0 w 6444000"/>
              <a:gd name="connsiteY101" fmla="*/ 6444000 h 6444000"/>
              <a:gd name="connsiteX102" fmla="*/ 0 w 6444000"/>
              <a:gd name="connsiteY102" fmla="*/ 6442427 h 6444000"/>
              <a:gd name="connsiteX103" fmla="*/ 0 w 6444000"/>
              <a:gd name="connsiteY103" fmla="*/ 6431414 h 6444000"/>
              <a:gd name="connsiteX104" fmla="*/ 0 w 6444000"/>
              <a:gd name="connsiteY104" fmla="*/ 6401523 h 6444000"/>
              <a:gd name="connsiteX105" fmla="*/ 0 w 6444000"/>
              <a:gd name="connsiteY105" fmla="*/ 6376548 h 6444000"/>
              <a:gd name="connsiteX106" fmla="*/ 0 w 6444000"/>
              <a:gd name="connsiteY106" fmla="*/ 6343313 h 6444000"/>
              <a:gd name="connsiteX107" fmla="*/ 0 w 6444000"/>
              <a:gd name="connsiteY107" fmla="*/ 6300639 h 6444000"/>
              <a:gd name="connsiteX108" fmla="*/ 0 w 6444000"/>
              <a:gd name="connsiteY108" fmla="*/ 6247345 h 6444000"/>
              <a:gd name="connsiteX109" fmla="*/ 0 w 6444000"/>
              <a:gd name="connsiteY109" fmla="*/ 6182252 h 6444000"/>
              <a:gd name="connsiteX110" fmla="*/ 0 w 6444000"/>
              <a:gd name="connsiteY110" fmla="*/ 6104180 h 6444000"/>
              <a:gd name="connsiteX111" fmla="*/ 0 w 6444000"/>
              <a:gd name="connsiteY111" fmla="*/ 6011949 h 6444000"/>
              <a:gd name="connsiteX112" fmla="*/ 0 w 6444000"/>
              <a:gd name="connsiteY112" fmla="*/ 5904378 h 6444000"/>
              <a:gd name="connsiteX113" fmla="*/ 0 w 6444000"/>
              <a:gd name="connsiteY113" fmla="*/ 5780289 h 6444000"/>
              <a:gd name="connsiteX114" fmla="*/ 0 w 6444000"/>
              <a:gd name="connsiteY114" fmla="*/ 5638500 h 6444000"/>
              <a:gd name="connsiteX115" fmla="*/ 0 w 6444000"/>
              <a:gd name="connsiteY115" fmla="*/ 5477833 h 6444000"/>
              <a:gd name="connsiteX116" fmla="*/ 0 w 6444000"/>
              <a:gd name="connsiteY116" fmla="*/ 5297107 h 6444000"/>
              <a:gd name="connsiteX117" fmla="*/ 0 w 6444000"/>
              <a:gd name="connsiteY117" fmla="*/ 5095142 h 6444000"/>
              <a:gd name="connsiteX118" fmla="*/ 0 w 6444000"/>
              <a:gd name="connsiteY118" fmla="*/ 4870758 h 6444000"/>
              <a:gd name="connsiteX119" fmla="*/ 0 w 6444000"/>
              <a:gd name="connsiteY119" fmla="*/ 4622776 h 6444000"/>
              <a:gd name="connsiteX120" fmla="*/ 0 w 6444000"/>
              <a:gd name="connsiteY120" fmla="*/ 4350015 h 6444000"/>
              <a:gd name="connsiteX121" fmla="*/ 0 w 6444000"/>
              <a:gd name="connsiteY121" fmla="*/ 4051296 h 6444000"/>
              <a:gd name="connsiteX122" fmla="*/ 0 w 6444000"/>
              <a:gd name="connsiteY122" fmla="*/ 3725438 h 6444000"/>
              <a:gd name="connsiteX123" fmla="*/ 0 w 6444000"/>
              <a:gd name="connsiteY123" fmla="*/ 3371262 h 6444000"/>
              <a:gd name="connsiteX124" fmla="*/ 0 w 6444000"/>
              <a:gd name="connsiteY124" fmla="*/ 3183185 h 6444000"/>
              <a:gd name="connsiteX125" fmla="*/ 0 w 6444000"/>
              <a:gd name="connsiteY125" fmla="*/ 2987587 h 6444000"/>
              <a:gd name="connsiteX126" fmla="*/ 0 w 6444000"/>
              <a:gd name="connsiteY126" fmla="*/ 2784319 h 6444000"/>
              <a:gd name="connsiteX127" fmla="*/ 0 w 6444000"/>
              <a:gd name="connsiteY127" fmla="*/ 2573234 h 6444000"/>
              <a:gd name="connsiteX128" fmla="*/ 0 w 6444000"/>
              <a:gd name="connsiteY128" fmla="*/ 2354185 h 6444000"/>
              <a:gd name="connsiteX129" fmla="*/ 0 w 6444000"/>
              <a:gd name="connsiteY129" fmla="*/ 2127024 h 6444000"/>
              <a:gd name="connsiteX130" fmla="*/ 0 w 6444000"/>
              <a:gd name="connsiteY130" fmla="*/ 1891603 h 6444000"/>
              <a:gd name="connsiteX131" fmla="*/ 0 w 6444000"/>
              <a:gd name="connsiteY131" fmla="*/ 1647775 h 6444000"/>
              <a:gd name="connsiteX132" fmla="*/ 0 w 6444000"/>
              <a:gd name="connsiteY132" fmla="*/ 1395392 h 6444000"/>
              <a:gd name="connsiteX133" fmla="*/ 0 w 6444000"/>
              <a:gd name="connsiteY133" fmla="*/ 1134308 h 6444000"/>
              <a:gd name="connsiteX134" fmla="*/ 0 w 6444000"/>
              <a:gd name="connsiteY134" fmla="*/ 864374 h 6444000"/>
              <a:gd name="connsiteX135" fmla="*/ 0 w 6444000"/>
              <a:gd name="connsiteY135" fmla="*/ 585443 h 6444000"/>
              <a:gd name="connsiteX136" fmla="*/ 0 w 6444000"/>
              <a:gd name="connsiteY136" fmla="*/ 297367 h 644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</a:cxnLst>
            <a:rect l="l" t="t" r="r" b="b"/>
            <a:pathLst>
              <a:path w="6444000" h="6444000">
                <a:moveTo>
                  <a:pt x="0" y="0"/>
                </a:moveTo>
                <a:lnTo>
                  <a:pt x="1364" y="0"/>
                </a:lnTo>
                <a:lnTo>
                  <a:pt x="10912" y="0"/>
                </a:lnTo>
                <a:lnTo>
                  <a:pt x="36828" y="0"/>
                </a:lnTo>
                <a:lnTo>
                  <a:pt x="58481" y="0"/>
                </a:lnTo>
                <a:lnTo>
                  <a:pt x="87296" y="0"/>
                </a:lnTo>
                <a:lnTo>
                  <a:pt x="124294" y="0"/>
                </a:lnTo>
                <a:lnTo>
                  <a:pt x="170499" y="0"/>
                </a:lnTo>
                <a:lnTo>
                  <a:pt x="226935" y="0"/>
                </a:lnTo>
                <a:lnTo>
                  <a:pt x="294623" y="0"/>
                </a:lnTo>
                <a:lnTo>
                  <a:pt x="374587" y="0"/>
                </a:lnTo>
                <a:lnTo>
                  <a:pt x="467850" y="0"/>
                </a:lnTo>
                <a:lnTo>
                  <a:pt x="575435" y="0"/>
                </a:lnTo>
                <a:lnTo>
                  <a:pt x="698365" y="0"/>
                </a:lnTo>
                <a:lnTo>
                  <a:pt x="837663" y="0"/>
                </a:lnTo>
                <a:lnTo>
                  <a:pt x="994351" y="0"/>
                </a:lnTo>
                <a:lnTo>
                  <a:pt x="1169454" y="0"/>
                </a:lnTo>
                <a:lnTo>
                  <a:pt x="1363993" y="0"/>
                </a:lnTo>
                <a:lnTo>
                  <a:pt x="1578993" y="0"/>
                </a:lnTo>
                <a:lnTo>
                  <a:pt x="1815475" y="0"/>
                </a:lnTo>
                <a:lnTo>
                  <a:pt x="2074464" y="0"/>
                </a:lnTo>
                <a:lnTo>
                  <a:pt x="2356981" y="0"/>
                </a:lnTo>
                <a:lnTo>
                  <a:pt x="2664050" y="0"/>
                </a:lnTo>
                <a:lnTo>
                  <a:pt x="2996693" y="0"/>
                </a:lnTo>
                <a:lnTo>
                  <a:pt x="3355935" y="0"/>
                </a:lnTo>
                <a:lnTo>
                  <a:pt x="3742798" y="0"/>
                </a:lnTo>
                <a:lnTo>
                  <a:pt x="4158304" y="0"/>
                </a:lnTo>
                <a:lnTo>
                  <a:pt x="4377119" y="0"/>
                </a:lnTo>
                <a:lnTo>
                  <a:pt x="4603478" y="0"/>
                </a:lnTo>
                <a:lnTo>
                  <a:pt x="4837509" y="0"/>
                </a:lnTo>
                <a:lnTo>
                  <a:pt x="5079341" y="0"/>
                </a:lnTo>
                <a:lnTo>
                  <a:pt x="5329101" y="0"/>
                </a:lnTo>
                <a:lnTo>
                  <a:pt x="5586917" y="0"/>
                </a:lnTo>
                <a:cubicBezTo>
                  <a:pt x="5923401" y="336485"/>
                  <a:pt x="6110690" y="523774"/>
                  <a:pt x="6444000" y="857084"/>
                </a:cubicBezTo>
                <a:lnTo>
                  <a:pt x="6444000" y="858448"/>
                </a:lnTo>
                <a:lnTo>
                  <a:pt x="6444000" y="867996"/>
                </a:lnTo>
                <a:lnTo>
                  <a:pt x="6444000" y="893912"/>
                </a:lnTo>
                <a:lnTo>
                  <a:pt x="6444000" y="915565"/>
                </a:lnTo>
                <a:lnTo>
                  <a:pt x="6444000" y="944379"/>
                </a:lnTo>
                <a:lnTo>
                  <a:pt x="6444000" y="981378"/>
                </a:lnTo>
                <a:lnTo>
                  <a:pt x="6444000" y="1027583"/>
                </a:lnTo>
                <a:lnTo>
                  <a:pt x="6444000" y="1084018"/>
                </a:lnTo>
                <a:lnTo>
                  <a:pt x="6444000" y="1151706"/>
                </a:lnTo>
                <a:lnTo>
                  <a:pt x="6444000" y="1231671"/>
                </a:lnTo>
                <a:lnTo>
                  <a:pt x="6444000" y="1324934"/>
                </a:lnTo>
                <a:lnTo>
                  <a:pt x="6444000" y="1432519"/>
                </a:lnTo>
                <a:lnTo>
                  <a:pt x="6444000" y="1555448"/>
                </a:lnTo>
                <a:lnTo>
                  <a:pt x="6444000" y="1694746"/>
                </a:lnTo>
                <a:lnTo>
                  <a:pt x="6444000" y="1851435"/>
                </a:lnTo>
                <a:lnTo>
                  <a:pt x="6444000" y="2026538"/>
                </a:lnTo>
                <a:lnTo>
                  <a:pt x="6444000" y="2221077"/>
                </a:lnTo>
                <a:lnTo>
                  <a:pt x="6444000" y="2436077"/>
                </a:lnTo>
                <a:lnTo>
                  <a:pt x="6444000" y="2672559"/>
                </a:lnTo>
                <a:lnTo>
                  <a:pt x="6444000" y="2931547"/>
                </a:lnTo>
                <a:lnTo>
                  <a:pt x="6444000" y="3214064"/>
                </a:lnTo>
                <a:lnTo>
                  <a:pt x="6444000" y="3521133"/>
                </a:lnTo>
                <a:lnTo>
                  <a:pt x="6444000" y="3853777"/>
                </a:lnTo>
                <a:lnTo>
                  <a:pt x="6444000" y="4213019"/>
                </a:lnTo>
                <a:lnTo>
                  <a:pt x="6444000" y="4599881"/>
                </a:lnTo>
                <a:lnTo>
                  <a:pt x="6444000" y="5015388"/>
                </a:lnTo>
                <a:lnTo>
                  <a:pt x="6444000" y="5234202"/>
                </a:lnTo>
                <a:lnTo>
                  <a:pt x="6444000" y="5460561"/>
                </a:lnTo>
                <a:lnTo>
                  <a:pt x="6444000" y="5694593"/>
                </a:lnTo>
                <a:lnTo>
                  <a:pt x="6444000" y="5936424"/>
                </a:lnTo>
                <a:lnTo>
                  <a:pt x="6444000" y="6186184"/>
                </a:lnTo>
                <a:lnTo>
                  <a:pt x="6444000" y="6444000"/>
                </a:lnTo>
                <a:lnTo>
                  <a:pt x="6442427" y="6444000"/>
                </a:lnTo>
                <a:lnTo>
                  <a:pt x="6431414" y="6444000"/>
                </a:lnTo>
                <a:lnTo>
                  <a:pt x="6401523" y="6444000"/>
                </a:lnTo>
                <a:lnTo>
                  <a:pt x="6376548" y="6444000"/>
                </a:lnTo>
                <a:lnTo>
                  <a:pt x="6343313" y="6444000"/>
                </a:lnTo>
                <a:lnTo>
                  <a:pt x="6300639" y="6444000"/>
                </a:lnTo>
                <a:lnTo>
                  <a:pt x="6247345" y="6444000"/>
                </a:lnTo>
                <a:lnTo>
                  <a:pt x="6182252" y="6444000"/>
                </a:lnTo>
                <a:lnTo>
                  <a:pt x="6104180" y="6444000"/>
                </a:lnTo>
                <a:lnTo>
                  <a:pt x="6011949" y="6444000"/>
                </a:lnTo>
                <a:lnTo>
                  <a:pt x="5904378" y="6444000"/>
                </a:lnTo>
                <a:lnTo>
                  <a:pt x="5780289" y="6444000"/>
                </a:lnTo>
                <a:lnTo>
                  <a:pt x="5638500" y="6444000"/>
                </a:lnTo>
                <a:lnTo>
                  <a:pt x="5477833" y="6444000"/>
                </a:lnTo>
                <a:lnTo>
                  <a:pt x="5297107" y="6444000"/>
                </a:lnTo>
                <a:lnTo>
                  <a:pt x="5095142" y="6444000"/>
                </a:lnTo>
                <a:lnTo>
                  <a:pt x="4870758" y="6444000"/>
                </a:lnTo>
                <a:lnTo>
                  <a:pt x="4622776" y="6444000"/>
                </a:lnTo>
                <a:lnTo>
                  <a:pt x="4350015" y="6444000"/>
                </a:lnTo>
                <a:lnTo>
                  <a:pt x="4051296" y="6444000"/>
                </a:lnTo>
                <a:lnTo>
                  <a:pt x="3725438" y="6444000"/>
                </a:lnTo>
                <a:lnTo>
                  <a:pt x="3371262" y="6444000"/>
                </a:lnTo>
                <a:lnTo>
                  <a:pt x="3183185" y="6444000"/>
                </a:lnTo>
                <a:lnTo>
                  <a:pt x="2987587" y="6444000"/>
                </a:lnTo>
                <a:lnTo>
                  <a:pt x="2784319" y="6444000"/>
                </a:lnTo>
                <a:lnTo>
                  <a:pt x="2573234" y="6444000"/>
                </a:lnTo>
                <a:lnTo>
                  <a:pt x="2354185" y="6444000"/>
                </a:lnTo>
                <a:lnTo>
                  <a:pt x="2127024" y="6444000"/>
                </a:lnTo>
                <a:lnTo>
                  <a:pt x="1891603" y="6444000"/>
                </a:lnTo>
                <a:lnTo>
                  <a:pt x="1647775" y="6444000"/>
                </a:lnTo>
                <a:lnTo>
                  <a:pt x="1395392" y="6444000"/>
                </a:lnTo>
                <a:lnTo>
                  <a:pt x="1134308" y="6444000"/>
                </a:lnTo>
                <a:lnTo>
                  <a:pt x="864374" y="6444000"/>
                </a:lnTo>
                <a:lnTo>
                  <a:pt x="585443" y="6444000"/>
                </a:lnTo>
                <a:lnTo>
                  <a:pt x="297367" y="6444000"/>
                </a:lnTo>
                <a:lnTo>
                  <a:pt x="0" y="6444000"/>
                </a:lnTo>
                <a:lnTo>
                  <a:pt x="0" y="6442427"/>
                </a:lnTo>
                <a:lnTo>
                  <a:pt x="0" y="6431414"/>
                </a:lnTo>
                <a:lnTo>
                  <a:pt x="0" y="6401523"/>
                </a:lnTo>
                <a:lnTo>
                  <a:pt x="0" y="6376548"/>
                </a:lnTo>
                <a:lnTo>
                  <a:pt x="0" y="6343313"/>
                </a:lnTo>
                <a:lnTo>
                  <a:pt x="0" y="6300639"/>
                </a:lnTo>
                <a:lnTo>
                  <a:pt x="0" y="6247345"/>
                </a:lnTo>
                <a:lnTo>
                  <a:pt x="0" y="6182252"/>
                </a:lnTo>
                <a:lnTo>
                  <a:pt x="0" y="6104180"/>
                </a:lnTo>
                <a:lnTo>
                  <a:pt x="0" y="6011949"/>
                </a:lnTo>
                <a:lnTo>
                  <a:pt x="0" y="5904378"/>
                </a:lnTo>
                <a:lnTo>
                  <a:pt x="0" y="5780289"/>
                </a:lnTo>
                <a:lnTo>
                  <a:pt x="0" y="5638500"/>
                </a:lnTo>
                <a:lnTo>
                  <a:pt x="0" y="5477833"/>
                </a:lnTo>
                <a:lnTo>
                  <a:pt x="0" y="5297107"/>
                </a:lnTo>
                <a:lnTo>
                  <a:pt x="0" y="5095142"/>
                </a:lnTo>
                <a:lnTo>
                  <a:pt x="0" y="4870758"/>
                </a:lnTo>
                <a:lnTo>
                  <a:pt x="0" y="4622776"/>
                </a:lnTo>
                <a:lnTo>
                  <a:pt x="0" y="4350015"/>
                </a:lnTo>
                <a:lnTo>
                  <a:pt x="0" y="4051296"/>
                </a:lnTo>
                <a:lnTo>
                  <a:pt x="0" y="3725438"/>
                </a:lnTo>
                <a:lnTo>
                  <a:pt x="0" y="3371262"/>
                </a:lnTo>
                <a:lnTo>
                  <a:pt x="0" y="3183185"/>
                </a:lnTo>
                <a:lnTo>
                  <a:pt x="0" y="2987587"/>
                </a:lnTo>
                <a:lnTo>
                  <a:pt x="0" y="2784319"/>
                </a:lnTo>
                <a:lnTo>
                  <a:pt x="0" y="2573234"/>
                </a:lnTo>
                <a:lnTo>
                  <a:pt x="0" y="2354185"/>
                </a:lnTo>
                <a:lnTo>
                  <a:pt x="0" y="2127024"/>
                </a:lnTo>
                <a:lnTo>
                  <a:pt x="0" y="1891603"/>
                </a:lnTo>
                <a:lnTo>
                  <a:pt x="0" y="1647775"/>
                </a:lnTo>
                <a:lnTo>
                  <a:pt x="0" y="1395392"/>
                </a:lnTo>
                <a:lnTo>
                  <a:pt x="0" y="1134308"/>
                </a:lnTo>
                <a:lnTo>
                  <a:pt x="0" y="864374"/>
                </a:lnTo>
                <a:lnTo>
                  <a:pt x="0" y="585443"/>
                </a:lnTo>
                <a:lnTo>
                  <a:pt x="0" y="297367"/>
                </a:lnTo>
                <a:close/>
              </a:path>
            </a:pathLst>
          </a:custGeom>
          <a:solidFill>
            <a:schemeClr val="bg1">
              <a:lumMod val="85000"/>
            </a:schemeClr>
          </a:solidFill>
        </p:spPr>
        <p:txBody>
          <a:bodyPr wrap="square" lIns="180000" tIns="180000" anchor="t" anchorCtr="0">
            <a:noAutofit/>
          </a:bodyPr>
          <a:lstStyle>
            <a:lvl1pPr marL="0" indent="0" algn="l">
              <a:buNone/>
              <a:defRPr sz="1600">
                <a:solidFill>
                  <a:schemeClr val="tx2"/>
                </a:solidFill>
              </a:defRPr>
            </a:lvl1pPr>
          </a:lstStyle>
          <a:p>
            <a:r>
              <a:rPr lang="da-DK" noProof="0" dirty="0"/>
              <a:t>Klik på denne pladsholder og indsæt billede via Skyfish</a:t>
            </a:r>
          </a:p>
        </p:txBody>
      </p:sp>
      <p:pic>
        <p:nvPicPr>
          <p:cNvPr id="21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809164" y="398179"/>
            <a:ext cx="1051199" cy="148556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0956506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itatside, rø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0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61600"/>
          </a:xfrm>
          <a:solidFill>
            <a:schemeClr val="bg1">
              <a:lumMod val="85000"/>
            </a:schemeClr>
          </a:solidFill>
        </p:spPr>
        <p:txBody>
          <a:bodyPr lIns="144000" tIns="180000" bIns="0" anchor="t" anchorCtr="0"/>
          <a:lstStyle>
            <a:lvl1pPr marL="0" indent="0" algn="l">
              <a:buNone/>
              <a:defRPr sz="1600"/>
            </a:lvl1pPr>
          </a:lstStyle>
          <a:p>
            <a:r>
              <a:rPr lang="da-DK" dirty="0"/>
              <a:t>Klik på denne pladsholder og indsæt billede via Skyfish</a:t>
            </a:r>
          </a:p>
        </p:txBody>
      </p:sp>
      <p:sp>
        <p:nvSpPr>
          <p:cNvPr id="19" name="Titel 1"/>
          <p:cNvSpPr>
            <a:spLocks noGrp="1"/>
          </p:cNvSpPr>
          <p:nvPr>
            <p:ph type="ctrTitle" hasCustomPrompt="1"/>
          </p:nvPr>
        </p:nvSpPr>
        <p:spPr>
          <a:xfrm>
            <a:off x="5535750" y="1535759"/>
            <a:ext cx="3779700" cy="3780000"/>
          </a:xfrm>
          <a:custGeom>
            <a:avLst/>
            <a:gdLst>
              <a:gd name="connsiteX0" fmla="*/ 0 w 5112000"/>
              <a:gd name="connsiteY0" fmla="*/ 0 h 5115107"/>
              <a:gd name="connsiteX1" fmla="*/ 464430 w 5112000"/>
              <a:gd name="connsiteY1" fmla="*/ 0 h 5115107"/>
              <a:gd name="connsiteX2" fmla="*/ 899842 w 5112000"/>
              <a:gd name="connsiteY2" fmla="*/ 0 h 5115107"/>
              <a:gd name="connsiteX3" fmla="*/ 1307173 w 5112000"/>
              <a:gd name="connsiteY3" fmla="*/ 0 h 5115107"/>
              <a:gd name="connsiteX4" fmla="*/ 1687360 w 5112000"/>
              <a:gd name="connsiteY4" fmla="*/ 0 h 5115107"/>
              <a:gd name="connsiteX5" fmla="*/ 2041337 w 5112000"/>
              <a:gd name="connsiteY5" fmla="*/ 0 h 5115107"/>
              <a:gd name="connsiteX6" fmla="*/ 2370041 w 5112000"/>
              <a:gd name="connsiteY6" fmla="*/ 0 h 5115107"/>
              <a:gd name="connsiteX7" fmla="*/ 2674409 w 5112000"/>
              <a:gd name="connsiteY7" fmla="*/ 0 h 5115107"/>
              <a:gd name="connsiteX8" fmla="*/ 2955375 w 5112000"/>
              <a:gd name="connsiteY8" fmla="*/ 0 h 5115107"/>
              <a:gd name="connsiteX9" fmla="*/ 3213877 w 5112000"/>
              <a:gd name="connsiteY9" fmla="*/ 0 h 5115107"/>
              <a:gd name="connsiteX10" fmla="*/ 3450850 w 5112000"/>
              <a:gd name="connsiteY10" fmla="*/ 0 h 5115107"/>
              <a:gd name="connsiteX11" fmla="*/ 3667230 w 5112000"/>
              <a:gd name="connsiteY11" fmla="*/ 0 h 5115107"/>
              <a:gd name="connsiteX12" fmla="*/ 3863953 w 5112000"/>
              <a:gd name="connsiteY12" fmla="*/ 0 h 5115107"/>
              <a:gd name="connsiteX13" fmla="*/ 4041956 w 5112000"/>
              <a:gd name="connsiteY13" fmla="*/ 0 h 5115107"/>
              <a:gd name="connsiteX14" fmla="*/ 4202174 w 5112000"/>
              <a:gd name="connsiteY14" fmla="*/ 0 h 5115107"/>
              <a:gd name="connsiteX15" fmla="*/ 4345543 w 5112000"/>
              <a:gd name="connsiteY15" fmla="*/ 0 h 5115107"/>
              <a:gd name="connsiteX16" fmla="*/ 4473000 w 5112000"/>
              <a:gd name="connsiteY16" fmla="*/ 0 h 5115107"/>
              <a:gd name="connsiteX17" fmla="*/ 4585480 w 5112000"/>
              <a:gd name="connsiteY17" fmla="*/ 0 h 5115107"/>
              <a:gd name="connsiteX18" fmla="*/ 4683920 w 5112000"/>
              <a:gd name="connsiteY18" fmla="*/ 0 h 5115107"/>
              <a:gd name="connsiteX19" fmla="*/ 4769255 w 5112000"/>
              <a:gd name="connsiteY19" fmla="*/ 0 h 5115107"/>
              <a:gd name="connsiteX20" fmla="*/ 4842422 w 5112000"/>
              <a:gd name="connsiteY20" fmla="*/ 0 h 5115107"/>
              <a:gd name="connsiteX21" fmla="*/ 4904356 w 5112000"/>
              <a:gd name="connsiteY21" fmla="*/ 0 h 5115107"/>
              <a:gd name="connsiteX22" fmla="*/ 4955994 w 5112000"/>
              <a:gd name="connsiteY22" fmla="*/ 0 h 5115107"/>
              <a:gd name="connsiteX23" fmla="*/ 4998272 w 5112000"/>
              <a:gd name="connsiteY23" fmla="*/ 0 h 5115107"/>
              <a:gd name="connsiteX24" fmla="*/ 5032125 w 5112000"/>
              <a:gd name="connsiteY24" fmla="*/ 0 h 5115107"/>
              <a:gd name="connsiteX25" fmla="*/ 5078303 w 5112000"/>
              <a:gd name="connsiteY25" fmla="*/ 0 h 5115107"/>
              <a:gd name="connsiteX26" fmla="*/ 5102016 w 5112000"/>
              <a:gd name="connsiteY26" fmla="*/ 0 h 5115107"/>
              <a:gd name="connsiteX27" fmla="*/ 5110752 w 5112000"/>
              <a:gd name="connsiteY27" fmla="*/ 0 h 5115107"/>
              <a:gd name="connsiteX28" fmla="*/ 5112000 w 5112000"/>
              <a:gd name="connsiteY28" fmla="*/ 0 h 5115107"/>
              <a:gd name="connsiteX29" fmla="*/ 5112000 w 5112000"/>
              <a:gd name="connsiteY29" fmla="*/ 402943 h 5115107"/>
              <a:gd name="connsiteX30" fmla="*/ 5112000 w 5112000"/>
              <a:gd name="connsiteY30" fmla="*/ 780710 h 5115107"/>
              <a:gd name="connsiteX31" fmla="*/ 5112000 w 5112000"/>
              <a:gd name="connsiteY31" fmla="*/ 1134114 h 5115107"/>
              <a:gd name="connsiteX32" fmla="*/ 5112000 w 5112000"/>
              <a:gd name="connsiteY32" fmla="*/ 1463966 h 5115107"/>
              <a:gd name="connsiteX33" fmla="*/ 5112000 w 5112000"/>
              <a:gd name="connsiteY33" fmla="*/ 1771080 h 5115107"/>
              <a:gd name="connsiteX34" fmla="*/ 5112000 w 5112000"/>
              <a:gd name="connsiteY34" fmla="*/ 2056266 h 5115107"/>
              <a:gd name="connsiteX35" fmla="*/ 5112000 w 5112000"/>
              <a:gd name="connsiteY35" fmla="*/ 2320338 h 5115107"/>
              <a:gd name="connsiteX36" fmla="*/ 5112000 w 5112000"/>
              <a:gd name="connsiteY36" fmla="*/ 2564106 h 5115107"/>
              <a:gd name="connsiteX37" fmla="*/ 5112000 w 5112000"/>
              <a:gd name="connsiteY37" fmla="*/ 2788385 h 5115107"/>
              <a:gd name="connsiteX38" fmla="*/ 5112000 w 5112000"/>
              <a:gd name="connsiteY38" fmla="*/ 2993984 h 5115107"/>
              <a:gd name="connsiteX39" fmla="*/ 5112000 w 5112000"/>
              <a:gd name="connsiteY39" fmla="*/ 3181717 h 5115107"/>
              <a:gd name="connsiteX40" fmla="*/ 5112000 w 5112000"/>
              <a:gd name="connsiteY40" fmla="*/ 3352396 h 5115107"/>
              <a:gd name="connsiteX41" fmla="*/ 5112000 w 5112000"/>
              <a:gd name="connsiteY41" fmla="*/ 3506832 h 5115107"/>
              <a:gd name="connsiteX42" fmla="*/ 5112000 w 5112000"/>
              <a:gd name="connsiteY42" fmla="*/ 3645839 h 5115107"/>
              <a:gd name="connsiteX43" fmla="*/ 5112000 w 5112000"/>
              <a:gd name="connsiteY43" fmla="*/ 3770227 h 5115107"/>
              <a:gd name="connsiteX44" fmla="*/ 5112000 w 5112000"/>
              <a:gd name="connsiteY44" fmla="*/ 3880810 h 5115107"/>
              <a:gd name="connsiteX45" fmla="*/ 5112000 w 5112000"/>
              <a:gd name="connsiteY45" fmla="*/ 3978398 h 5115107"/>
              <a:gd name="connsiteX46" fmla="*/ 5112000 w 5112000"/>
              <a:gd name="connsiteY46" fmla="*/ 4063806 h 5115107"/>
              <a:gd name="connsiteX47" fmla="*/ 5112000 w 5112000"/>
              <a:gd name="connsiteY47" fmla="*/ 4137843 h 5115107"/>
              <a:gd name="connsiteX48" fmla="*/ 5112000 w 5112000"/>
              <a:gd name="connsiteY48" fmla="*/ 4201323 h 5115107"/>
              <a:gd name="connsiteX49" fmla="*/ 5112000 w 5112000"/>
              <a:gd name="connsiteY49" fmla="*/ 4255058 h 5115107"/>
              <a:gd name="connsiteX50" fmla="*/ 5112000 w 5112000"/>
              <a:gd name="connsiteY50" fmla="*/ 4299859 h 5115107"/>
              <a:gd name="connsiteX51" fmla="*/ 5112000 w 5112000"/>
              <a:gd name="connsiteY51" fmla="*/ 4336540 h 5115107"/>
              <a:gd name="connsiteX52" fmla="*/ 5112000 w 5112000"/>
              <a:gd name="connsiteY52" fmla="*/ 4365911 h 5115107"/>
              <a:gd name="connsiteX53" fmla="*/ 5112000 w 5112000"/>
              <a:gd name="connsiteY53" fmla="*/ 4405975 h 5115107"/>
              <a:gd name="connsiteX54" fmla="*/ 5112000 w 5112000"/>
              <a:gd name="connsiteY54" fmla="*/ 4426549 h 5115107"/>
              <a:gd name="connsiteX55" fmla="*/ 5112000 w 5112000"/>
              <a:gd name="connsiteY55" fmla="*/ 4434128 h 5115107"/>
              <a:gd name="connsiteX56" fmla="*/ 5112000 w 5112000"/>
              <a:gd name="connsiteY56" fmla="*/ 4435211 h 5115107"/>
              <a:gd name="connsiteX57" fmla="*/ 4432517 w 5112000"/>
              <a:gd name="connsiteY57" fmla="*/ 5115107 h 5115107"/>
              <a:gd name="connsiteX58" fmla="*/ 0 w 5112000"/>
              <a:gd name="connsiteY58" fmla="*/ 5115107 h 511510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5112000" h="5115107">
                <a:moveTo>
                  <a:pt x="0" y="0"/>
                </a:moveTo>
                <a:lnTo>
                  <a:pt x="464430" y="0"/>
                </a:lnTo>
                <a:lnTo>
                  <a:pt x="899842" y="0"/>
                </a:lnTo>
                <a:lnTo>
                  <a:pt x="1307173" y="0"/>
                </a:lnTo>
                <a:lnTo>
                  <a:pt x="1687360" y="0"/>
                </a:lnTo>
                <a:lnTo>
                  <a:pt x="2041337" y="0"/>
                </a:lnTo>
                <a:lnTo>
                  <a:pt x="2370041" y="0"/>
                </a:lnTo>
                <a:lnTo>
                  <a:pt x="2674409" y="0"/>
                </a:lnTo>
                <a:lnTo>
                  <a:pt x="2955375" y="0"/>
                </a:lnTo>
                <a:lnTo>
                  <a:pt x="3213877" y="0"/>
                </a:lnTo>
                <a:lnTo>
                  <a:pt x="3450850" y="0"/>
                </a:lnTo>
                <a:lnTo>
                  <a:pt x="3667230" y="0"/>
                </a:lnTo>
                <a:lnTo>
                  <a:pt x="3863953" y="0"/>
                </a:lnTo>
                <a:lnTo>
                  <a:pt x="4041956" y="0"/>
                </a:lnTo>
                <a:lnTo>
                  <a:pt x="4202174" y="0"/>
                </a:lnTo>
                <a:lnTo>
                  <a:pt x="4345543" y="0"/>
                </a:lnTo>
                <a:lnTo>
                  <a:pt x="4473000" y="0"/>
                </a:lnTo>
                <a:lnTo>
                  <a:pt x="4585480" y="0"/>
                </a:lnTo>
                <a:lnTo>
                  <a:pt x="4683920" y="0"/>
                </a:lnTo>
                <a:lnTo>
                  <a:pt x="4769255" y="0"/>
                </a:lnTo>
                <a:lnTo>
                  <a:pt x="4842422" y="0"/>
                </a:lnTo>
                <a:lnTo>
                  <a:pt x="4904356" y="0"/>
                </a:lnTo>
                <a:lnTo>
                  <a:pt x="4955994" y="0"/>
                </a:lnTo>
                <a:lnTo>
                  <a:pt x="4998272" y="0"/>
                </a:lnTo>
                <a:lnTo>
                  <a:pt x="5032125" y="0"/>
                </a:lnTo>
                <a:lnTo>
                  <a:pt x="5078303" y="0"/>
                </a:lnTo>
                <a:lnTo>
                  <a:pt x="5102016" y="0"/>
                </a:lnTo>
                <a:lnTo>
                  <a:pt x="5110752" y="0"/>
                </a:lnTo>
                <a:lnTo>
                  <a:pt x="5112000" y="0"/>
                </a:lnTo>
                <a:lnTo>
                  <a:pt x="5112000" y="402943"/>
                </a:lnTo>
                <a:lnTo>
                  <a:pt x="5112000" y="780710"/>
                </a:lnTo>
                <a:lnTo>
                  <a:pt x="5112000" y="1134114"/>
                </a:lnTo>
                <a:lnTo>
                  <a:pt x="5112000" y="1463966"/>
                </a:lnTo>
                <a:lnTo>
                  <a:pt x="5112000" y="1771080"/>
                </a:lnTo>
                <a:lnTo>
                  <a:pt x="5112000" y="2056266"/>
                </a:lnTo>
                <a:lnTo>
                  <a:pt x="5112000" y="2320338"/>
                </a:lnTo>
                <a:lnTo>
                  <a:pt x="5112000" y="2564106"/>
                </a:lnTo>
                <a:lnTo>
                  <a:pt x="5112000" y="2788385"/>
                </a:lnTo>
                <a:lnTo>
                  <a:pt x="5112000" y="2993984"/>
                </a:lnTo>
                <a:lnTo>
                  <a:pt x="5112000" y="3181717"/>
                </a:lnTo>
                <a:lnTo>
                  <a:pt x="5112000" y="3352396"/>
                </a:lnTo>
                <a:lnTo>
                  <a:pt x="5112000" y="3506832"/>
                </a:lnTo>
                <a:lnTo>
                  <a:pt x="5112000" y="3645839"/>
                </a:lnTo>
                <a:lnTo>
                  <a:pt x="5112000" y="3770227"/>
                </a:lnTo>
                <a:lnTo>
                  <a:pt x="5112000" y="3880810"/>
                </a:lnTo>
                <a:lnTo>
                  <a:pt x="5112000" y="3978398"/>
                </a:lnTo>
                <a:lnTo>
                  <a:pt x="5112000" y="4063806"/>
                </a:lnTo>
                <a:lnTo>
                  <a:pt x="5112000" y="4137843"/>
                </a:lnTo>
                <a:lnTo>
                  <a:pt x="5112000" y="4201323"/>
                </a:lnTo>
                <a:lnTo>
                  <a:pt x="5112000" y="4255058"/>
                </a:lnTo>
                <a:lnTo>
                  <a:pt x="5112000" y="4299859"/>
                </a:lnTo>
                <a:lnTo>
                  <a:pt x="5112000" y="4336540"/>
                </a:lnTo>
                <a:lnTo>
                  <a:pt x="5112000" y="4365911"/>
                </a:lnTo>
                <a:lnTo>
                  <a:pt x="5112000" y="4405975"/>
                </a:lnTo>
                <a:lnTo>
                  <a:pt x="5112000" y="4426549"/>
                </a:lnTo>
                <a:lnTo>
                  <a:pt x="5112000" y="4434128"/>
                </a:lnTo>
                <a:lnTo>
                  <a:pt x="5112000" y="4435211"/>
                </a:lnTo>
                <a:cubicBezTo>
                  <a:pt x="4848462" y="4698909"/>
                  <a:pt x="4699230" y="4848232"/>
                  <a:pt x="4432517" y="5115107"/>
                </a:cubicBezTo>
                <a:cubicBezTo>
                  <a:pt x="0" y="5115107"/>
                  <a:pt x="0" y="5115107"/>
                  <a:pt x="0" y="5115107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wrap="square" lIns="216000" tIns="180000" rIns="216000" bIns="2520000" anchor="t" anchorCtr="0">
            <a:noAutofit/>
          </a:bodyPr>
          <a:lstStyle>
            <a:lvl1pPr algn="l">
              <a:lnSpc>
                <a:spcPct val="101000"/>
              </a:lnSpc>
              <a:defRPr sz="1800">
                <a:solidFill>
                  <a:schemeClr val="bg2"/>
                </a:solidFill>
              </a:defRPr>
            </a:lvl1pPr>
          </a:lstStyle>
          <a:p>
            <a:r>
              <a:rPr lang="da-DK" dirty="0"/>
              <a:t>”Indsæt citat”</a:t>
            </a:r>
          </a:p>
        </p:txBody>
      </p:sp>
      <p:sp>
        <p:nvSpPr>
          <p:cNvPr id="4" name="Text Placeholder 2"/>
          <p:cNvSpPr>
            <a:spLocks noGrp="1"/>
          </p:cNvSpPr>
          <p:nvPr>
            <p:ph type="body" sz="quarter" idx="18" hasCustomPrompt="1"/>
          </p:nvPr>
        </p:nvSpPr>
        <p:spPr>
          <a:xfrm>
            <a:off x="5535450" y="4337264"/>
            <a:ext cx="3780000" cy="835761"/>
          </a:xfrm>
        </p:spPr>
        <p:txBody>
          <a:bodyPr lIns="216000" rIns="612000"/>
          <a:lstStyle>
            <a:lvl1pPr marL="0" indent="0">
              <a:lnSpc>
                <a:spcPct val="95000"/>
              </a:lnSpc>
              <a:spcAft>
                <a:spcPts val="0"/>
              </a:spcAft>
              <a:buFontTx/>
              <a:buNone/>
              <a:defRPr sz="1800">
                <a:solidFill>
                  <a:schemeClr val="bg2"/>
                </a:solidFill>
              </a:defRPr>
            </a:lvl1pPr>
            <a:lvl2pPr marL="216000" indent="0">
              <a:spcAft>
                <a:spcPts val="500"/>
              </a:spcAft>
              <a:buFontTx/>
              <a:buNone/>
              <a:defRPr>
                <a:solidFill>
                  <a:schemeClr val="bg2"/>
                </a:solidFill>
              </a:defRPr>
            </a:lvl2pPr>
            <a:lvl3pPr marL="432000" indent="0">
              <a:spcAft>
                <a:spcPts val="500"/>
              </a:spcAft>
              <a:buFontTx/>
              <a:buNone/>
              <a:defRPr>
                <a:solidFill>
                  <a:schemeClr val="bg2"/>
                </a:solidFill>
              </a:defRPr>
            </a:lvl3pPr>
            <a:lvl4pPr marL="648000" indent="0">
              <a:spcAft>
                <a:spcPts val="500"/>
              </a:spcAft>
              <a:buFontTx/>
              <a:buNone/>
              <a:defRPr>
                <a:solidFill>
                  <a:schemeClr val="bg2"/>
                </a:solidFill>
              </a:defRPr>
            </a:lvl4pPr>
            <a:lvl5pPr marL="864000" indent="0">
              <a:spcAft>
                <a:spcPts val="500"/>
              </a:spcAft>
              <a:buFontTx/>
              <a:buNone/>
              <a:defRPr>
                <a:solidFill>
                  <a:schemeClr val="bg2"/>
                </a:solidFill>
              </a:defRPr>
            </a:lvl5pPr>
          </a:lstStyle>
          <a:p>
            <a:pPr lvl="0"/>
            <a:r>
              <a:rPr lang="da-DK" dirty="0"/>
              <a:t>Indsæt navn og titel</a:t>
            </a:r>
          </a:p>
        </p:txBody>
      </p:sp>
      <p:sp>
        <p:nvSpPr>
          <p:cNvPr id="16" name="Content Placeholder 4"/>
          <p:cNvSpPr>
            <a:spLocks noGrp="1"/>
          </p:cNvSpPr>
          <p:nvPr>
            <p:ph sz="quarter" idx="17" hasCustomPrompt="1"/>
          </p:nvPr>
        </p:nvSpPr>
        <p:spPr>
          <a:xfrm>
            <a:off x="208800" y="4204800"/>
            <a:ext cx="2448000" cy="2448000"/>
          </a:xfrm>
        </p:spPr>
        <p:txBody>
          <a:bodyPr/>
          <a:lstStyle>
            <a:lvl1pPr marL="0" indent="0">
              <a:buNone/>
              <a:defRPr sz="1400" b="1"/>
            </a:lvl1pPr>
          </a:lstStyle>
          <a:p>
            <a:pPr lvl="0"/>
            <a:r>
              <a:rPr lang="da-DK" dirty="0"/>
              <a:t>Klik på denne pladsholder og indsæt ikon via Skyfish</a:t>
            </a:r>
          </a:p>
        </p:txBody>
      </p:sp>
      <p:sp>
        <p:nvSpPr>
          <p:cNvPr id="5" name="TextBox 4"/>
          <p:cNvSpPr txBox="1"/>
          <p:nvPr userDrawn="1"/>
        </p:nvSpPr>
        <p:spPr>
          <a:xfrm>
            <a:off x="-1" y="-300028"/>
            <a:ext cx="1188000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b="1" dirty="0"/>
              <a:t>Bemærk</a:t>
            </a:r>
            <a:r>
              <a:rPr lang="da-DK" sz="1200" dirty="0"/>
              <a:t>: På denne side kan billede/</a:t>
            </a:r>
            <a:r>
              <a:rPr lang="da-DK" sz="1200" dirty="0" err="1"/>
              <a:t>graﬁk</a:t>
            </a:r>
            <a:r>
              <a:rPr lang="da-DK" sz="1200" dirty="0"/>
              <a:t> udskiftes. Tekstboksen kan ﬂyttes rund ift. billedet, vælg boksen</a:t>
            </a:r>
            <a:r>
              <a:rPr lang="da-DK" sz="1200" baseline="0" dirty="0"/>
              <a:t> og al teksten i boksen</a:t>
            </a:r>
            <a:r>
              <a:rPr lang="da-DK" sz="1200" dirty="0"/>
              <a:t>. Farven på tekst og tekstboks kan ændres til hvid/rød/grå.</a:t>
            </a:r>
          </a:p>
        </p:txBody>
      </p:sp>
      <p:sp>
        <p:nvSpPr>
          <p:cNvPr id="13" name="Slide Number Placeholder 5" hidden="1"/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r" defTabSz="914400" rtl="0" eaLnBrk="1" latinLnBrk="0" hangingPunct="1">
              <a:defRPr sz="100" b="1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rtl="0"/>
            <a:fld id="{24C8C45C-947F-4981-8B3F-4F32E973C901}" type="slidenum">
              <a:rPr lang="da-DK" smtClean="0"/>
              <a:pPr rtl="0"/>
              <a:t>‹nr.›</a:t>
            </a:fld>
            <a:endParaRPr lang="da-DK" dirty="0"/>
          </a:p>
        </p:txBody>
      </p:sp>
      <p:sp>
        <p:nvSpPr>
          <p:cNvPr id="14" name="Footer Placeholder 4" hidden="1"/>
          <p:cNvSpPr>
            <a:spLocks noGrp="1"/>
          </p:cNvSpPr>
          <p:nvPr>
            <p:ph type="ftr" sz="quarter" idx="3"/>
          </p:nvPr>
        </p:nvSpPr>
        <p:spPr>
          <a:xfrm>
            <a:off x="0" y="70644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 rtl="0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7" name="Date Placeholder 11" hidden="1"/>
          <p:cNvSpPr>
            <a:spLocks noGrp="1"/>
          </p:cNvSpPr>
          <p:nvPr>
            <p:ph type="dt" sz="half" idx="10"/>
          </p:nvPr>
        </p:nvSpPr>
        <p:spPr>
          <a:xfrm>
            <a:off x="0" y="6984000"/>
            <a:ext cx="0" cy="0"/>
          </a:xfrm>
        </p:spPr>
        <p:txBody>
          <a:bodyPr/>
          <a:lstStyle/>
          <a:p>
            <a:fld id="{D9FE36D3-6D8A-41B0-8F1B-2F75587B4040}" type="datetime2">
              <a:rPr lang="da-DK" smtClean="0"/>
              <a:t>22. november 2017</a:t>
            </a:fld>
            <a:endParaRPr lang="da-DK" dirty="0"/>
          </a:p>
        </p:txBody>
      </p:sp>
      <p:sp>
        <p:nvSpPr>
          <p:cNvPr id="12" name="Placeholder logo"/>
          <p:cNvSpPr>
            <a:spLocks noGrp="1"/>
          </p:cNvSpPr>
          <p:nvPr>
            <p:ph type="body" sz="quarter" idx="19" hasCustomPrompt="1"/>
          </p:nvPr>
        </p:nvSpPr>
        <p:spPr>
          <a:xfrm>
            <a:off x="10809164" y="398179"/>
            <a:ext cx="1051200" cy="14868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en-US" dirty="0"/>
              <a:t>.</a:t>
            </a:r>
            <a:endParaRPr lang="da-DK" dirty="0"/>
          </a:p>
        </p:txBody>
      </p:sp>
      <p:sp>
        <p:nvSpPr>
          <p:cNvPr id="15" name="Rectangle 14"/>
          <p:cNvSpPr/>
          <p:nvPr userDrawn="1"/>
        </p:nvSpPr>
        <p:spPr>
          <a:xfrm>
            <a:off x="11765941" y="-300028"/>
            <a:ext cx="160500" cy="1605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8" name="Rectangle 17"/>
          <p:cNvSpPr/>
          <p:nvPr userDrawn="1"/>
        </p:nvSpPr>
        <p:spPr>
          <a:xfrm>
            <a:off x="11964594" y="-300028"/>
            <a:ext cx="160500" cy="160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0" name="Rectangle 19"/>
          <p:cNvSpPr/>
          <p:nvPr userDrawn="1"/>
        </p:nvSpPr>
        <p:spPr>
          <a:xfrm>
            <a:off x="12163247" y="-300028"/>
            <a:ext cx="160500" cy="1605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</p:spTree>
    <p:extLst>
      <p:ext uri="{BB962C8B-B14F-4D97-AF65-F5344CB8AC3E}">
        <p14:creationId xmlns:p14="http://schemas.microsoft.com/office/powerpoint/2010/main" val="1439498323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itatside, hvi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0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61600"/>
          </a:xfrm>
          <a:solidFill>
            <a:schemeClr val="bg1">
              <a:lumMod val="85000"/>
            </a:schemeClr>
          </a:solidFill>
        </p:spPr>
        <p:txBody>
          <a:bodyPr lIns="144000" tIns="180000" bIns="0" anchor="t" anchorCtr="0"/>
          <a:lstStyle>
            <a:lvl1pPr marL="0" indent="0" algn="l">
              <a:buNone/>
              <a:defRPr sz="1600"/>
            </a:lvl1pPr>
          </a:lstStyle>
          <a:p>
            <a:r>
              <a:rPr lang="da-DK" dirty="0"/>
              <a:t>Klik på denne pladsholder og indsæt billede via Skyfish</a:t>
            </a:r>
          </a:p>
        </p:txBody>
      </p:sp>
      <p:sp>
        <p:nvSpPr>
          <p:cNvPr id="19" name="Titel 1"/>
          <p:cNvSpPr>
            <a:spLocks noGrp="1"/>
          </p:cNvSpPr>
          <p:nvPr>
            <p:ph type="ctrTitle" hasCustomPrompt="1"/>
          </p:nvPr>
        </p:nvSpPr>
        <p:spPr>
          <a:xfrm>
            <a:off x="5535750" y="1535759"/>
            <a:ext cx="3779700" cy="3780000"/>
          </a:xfrm>
          <a:custGeom>
            <a:avLst/>
            <a:gdLst>
              <a:gd name="connsiteX0" fmla="*/ 0 w 5112000"/>
              <a:gd name="connsiteY0" fmla="*/ 0 h 5115107"/>
              <a:gd name="connsiteX1" fmla="*/ 464430 w 5112000"/>
              <a:gd name="connsiteY1" fmla="*/ 0 h 5115107"/>
              <a:gd name="connsiteX2" fmla="*/ 899842 w 5112000"/>
              <a:gd name="connsiteY2" fmla="*/ 0 h 5115107"/>
              <a:gd name="connsiteX3" fmla="*/ 1307173 w 5112000"/>
              <a:gd name="connsiteY3" fmla="*/ 0 h 5115107"/>
              <a:gd name="connsiteX4" fmla="*/ 1687360 w 5112000"/>
              <a:gd name="connsiteY4" fmla="*/ 0 h 5115107"/>
              <a:gd name="connsiteX5" fmla="*/ 2041337 w 5112000"/>
              <a:gd name="connsiteY5" fmla="*/ 0 h 5115107"/>
              <a:gd name="connsiteX6" fmla="*/ 2370041 w 5112000"/>
              <a:gd name="connsiteY6" fmla="*/ 0 h 5115107"/>
              <a:gd name="connsiteX7" fmla="*/ 2674409 w 5112000"/>
              <a:gd name="connsiteY7" fmla="*/ 0 h 5115107"/>
              <a:gd name="connsiteX8" fmla="*/ 2955375 w 5112000"/>
              <a:gd name="connsiteY8" fmla="*/ 0 h 5115107"/>
              <a:gd name="connsiteX9" fmla="*/ 3213877 w 5112000"/>
              <a:gd name="connsiteY9" fmla="*/ 0 h 5115107"/>
              <a:gd name="connsiteX10" fmla="*/ 3450850 w 5112000"/>
              <a:gd name="connsiteY10" fmla="*/ 0 h 5115107"/>
              <a:gd name="connsiteX11" fmla="*/ 3667230 w 5112000"/>
              <a:gd name="connsiteY11" fmla="*/ 0 h 5115107"/>
              <a:gd name="connsiteX12" fmla="*/ 3863953 w 5112000"/>
              <a:gd name="connsiteY12" fmla="*/ 0 h 5115107"/>
              <a:gd name="connsiteX13" fmla="*/ 4041956 w 5112000"/>
              <a:gd name="connsiteY13" fmla="*/ 0 h 5115107"/>
              <a:gd name="connsiteX14" fmla="*/ 4202174 w 5112000"/>
              <a:gd name="connsiteY14" fmla="*/ 0 h 5115107"/>
              <a:gd name="connsiteX15" fmla="*/ 4345543 w 5112000"/>
              <a:gd name="connsiteY15" fmla="*/ 0 h 5115107"/>
              <a:gd name="connsiteX16" fmla="*/ 4473000 w 5112000"/>
              <a:gd name="connsiteY16" fmla="*/ 0 h 5115107"/>
              <a:gd name="connsiteX17" fmla="*/ 4585480 w 5112000"/>
              <a:gd name="connsiteY17" fmla="*/ 0 h 5115107"/>
              <a:gd name="connsiteX18" fmla="*/ 4683920 w 5112000"/>
              <a:gd name="connsiteY18" fmla="*/ 0 h 5115107"/>
              <a:gd name="connsiteX19" fmla="*/ 4769255 w 5112000"/>
              <a:gd name="connsiteY19" fmla="*/ 0 h 5115107"/>
              <a:gd name="connsiteX20" fmla="*/ 4842422 w 5112000"/>
              <a:gd name="connsiteY20" fmla="*/ 0 h 5115107"/>
              <a:gd name="connsiteX21" fmla="*/ 4904356 w 5112000"/>
              <a:gd name="connsiteY21" fmla="*/ 0 h 5115107"/>
              <a:gd name="connsiteX22" fmla="*/ 4955994 w 5112000"/>
              <a:gd name="connsiteY22" fmla="*/ 0 h 5115107"/>
              <a:gd name="connsiteX23" fmla="*/ 4998272 w 5112000"/>
              <a:gd name="connsiteY23" fmla="*/ 0 h 5115107"/>
              <a:gd name="connsiteX24" fmla="*/ 5032125 w 5112000"/>
              <a:gd name="connsiteY24" fmla="*/ 0 h 5115107"/>
              <a:gd name="connsiteX25" fmla="*/ 5078303 w 5112000"/>
              <a:gd name="connsiteY25" fmla="*/ 0 h 5115107"/>
              <a:gd name="connsiteX26" fmla="*/ 5102016 w 5112000"/>
              <a:gd name="connsiteY26" fmla="*/ 0 h 5115107"/>
              <a:gd name="connsiteX27" fmla="*/ 5110752 w 5112000"/>
              <a:gd name="connsiteY27" fmla="*/ 0 h 5115107"/>
              <a:gd name="connsiteX28" fmla="*/ 5112000 w 5112000"/>
              <a:gd name="connsiteY28" fmla="*/ 0 h 5115107"/>
              <a:gd name="connsiteX29" fmla="*/ 5112000 w 5112000"/>
              <a:gd name="connsiteY29" fmla="*/ 402943 h 5115107"/>
              <a:gd name="connsiteX30" fmla="*/ 5112000 w 5112000"/>
              <a:gd name="connsiteY30" fmla="*/ 780710 h 5115107"/>
              <a:gd name="connsiteX31" fmla="*/ 5112000 w 5112000"/>
              <a:gd name="connsiteY31" fmla="*/ 1134114 h 5115107"/>
              <a:gd name="connsiteX32" fmla="*/ 5112000 w 5112000"/>
              <a:gd name="connsiteY32" fmla="*/ 1463966 h 5115107"/>
              <a:gd name="connsiteX33" fmla="*/ 5112000 w 5112000"/>
              <a:gd name="connsiteY33" fmla="*/ 1771080 h 5115107"/>
              <a:gd name="connsiteX34" fmla="*/ 5112000 w 5112000"/>
              <a:gd name="connsiteY34" fmla="*/ 2056266 h 5115107"/>
              <a:gd name="connsiteX35" fmla="*/ 5112000 w 5112000"/>
              <a:gd name="connsiteY35" fmla="*/ 2320338 h 5115107"/>
              <a:gd name="connsiteX36" fmla="*/ 5112000 w 5112000"/>
              <a:gd name="connsiteY36" fmla="*/ 2564106 h 5115107"/>
              <a:gd name="connsiteX37" fmla="*/ 5112000 w 5112000"/>
              <a:gd name="connsiteY37" fmla="*/ 2788385 h 5115107"/>
              <a:gd name="connsiteX38" fmla="*/ 5112000 w 5112000"/>
              <a:gd name="connsiteY38" fmla="*/ 2993984 h 5115107"/>
              <a:gd name="connsiteX39" fmla="*/ 5112000 w 5112000"/>
              <a:gd name="connsiteY39" fmla="*/ 3181717 h 5115107"/>
              <a:gd name="connsiteX40" fmla="*/ 5112000 w 5112000"/>
              <a:gd name="connsiteY40" fmla="*/ 3352396 h 5115107"/>
              <a:gd name="connsiteX41" fmla="*/ 5112000 w 5112000"/>
              <a:gd name="connsiteY41" fmla="*/ 3506832 h 5115107"/>
              <a:gd name="connsiteX42" fmla="*/ 5112000 w 5112000"/>
              <a:gd name="connsiteY42" fmla="*/ 3645839 h 5115107"/>
              <a:gd name="connsiteX43" fmla="*/ 5112000 w 5112000"/>
              <a:gd name="connsiteY43" fmla="*/ 3770227 h 5115107"/>
              <a:gd name="connsiteX44" fmla="*/ 5112000 w 5112000"/>
              <a:gd name="connsiteY44" fmla="*/ 3880810 h 5115107"/>
              <a:gd name="connsiteX45" fmla="*/ 5112000 w 5112000"/>
              <a:gd name="connsiteY45" fmla="*/ 3978398 h 5115107"/>
              <a:gd name="connsiteX46" fmla="*/ 5112000 w 5112000"/>
              <a:gd name="connsiteY46" fmla="*/ 4063806 h 5115107"/>
              <a:gd name="connsiteX47" fmla="*/ 5112000 w 5112000"/>
              <a:gd name="connsiteY47" fmla="*/ 4137843 h 5115107"/>
              <a:gd name="connsiteX48" fmla="*/ 5112000 w 5112000"/>
              <a:gd name="connsiteY48" fmla="*/ 4201323 h 5115107"/>
              <a:gd name="connsiteX49" fmla="*/ 5112000 w 5112000"/>
              <a:gd name="connsiteY49" fmla="*/ 4255058 h 5115107"/>
              <a:gd name="connsiteX50" fmla="*/ 5112000 w 5112000"/>
              <a:gd name="connsiteY50" fmla="*/ 4299859 h 5115107"/>
              <a:gd name="connsiteX51" fmla="*/ 5112000 w 5112000"/>
              <a:gd name="connsiteY51" fmla="*/ 4336540 h 5115107"/>
              <a:gd name="connsiteX52" fmla="*/ 5112000 w 5112000"/>
              <a:gd name="connsiteY52" fmla="*/ 4365911 h 5115107"/>
              <a:gd name="connsiteX53" fmla="*/ 5112000 w 5112000"/>
              <a:gd name="connsiteY53" fmla="*/ 4405975 h 5115107"/>
              <a:gd name="connsiteX54" fmla="*/ 5112000 w 5112000"/>
              <a:gd name="connsiteY54" fmla="*/ 4426549 h 5115107"/>
              <a:gd name="connsiteX55" fmla="*/ 5112000 w 5112000"/>
              <a:gd name="connsiteY55" fmla="*/ 4434128 h 5115107"/>
              <a:gd name="connsiteX56" fmla="*/ 5112000 w 5112000"/>
              <a:gd name="connsiteY56" fmla="*/ 4435211 h 5115107"/>
              <a:gd name="connsiteX57" fmla="*/ 4432517 w 5112000"/>
              <a:gd name="connsiteY57" fmla="*/ 5115107 h 5115107"/>
              <a:gd name="connsiteX58" fmla="*/ 0 w 5112000"/>
              <a:gd name="connsiteY58" fmla="*/ 5115107 h 511510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5112000" h="5115107">
                <a:moveTo>
                  <a:pt x="0" y="0"/>
                </a:moveTo>
                <a:lnTo>
                  <a:pt x="464430" y="0"/>
                </a:lnTo>
                <a:lnTo>
                  <a:pt x="899842" y="0"/>
                </a:lnTo>
                <a:lnTo>
                  <a:pt x="1307173" y="0"/>
                </a:lnTo>
                <a:lnTo>
                  <a:pt x="1687360" y="0"/>
                </a:lnTo>
                <a:lnTo>
                  <a:pt x="2041337" y="0"/>
                </a:lnTo>
                <a:lnTo>
                  <a:pt x="2370041" y="0"/>
                </a:lnTo>
                <a:lnTo>
                  <a:pt x="2674409" y="0"/>
                </a:lnTo>
                <a:lnTo>
                  <a:pt x="2955375" y="0"/>
                </a:lnTo>
                <a:lnTo>
                  <a:pt x="3213877" y="0"/>
                </a:lnTo>
                <a:lnTo>
                  <a:pt x="3450850" y="0"/>
                </a:lnTo>
                <a:lnTo>
                  <a:pt x="3667230" y="0"/>
                </a:lnTo>
                <a:lnTo>
                  <a:pt x="3863953" y="0"/>
                </a:lnTo>
                <a:lnTo>
                  <a:pt x="4041956" y="0"/>
                </a:lnTo>
                <a:lnTo>
                  <a:pt x="4202174" y="0"/>
                </a:lnTo>
                <a:lnTo>
                  <a:pt x="4345543" y="0"/>
                </a:lnTo>
                <a:lnTo>
                  <a:pt x="4473000" y="0"/>
                </a:lnTo>
                <a:lnTo>
                  <a:pt x="4585480" y="0"/>
                </a:lnTo>
                <a:lnTo>
                  <a:pt x="4683920" y="0"/>
                </a:lnTo>
                <a:lnTo>
                  <a:pt x="4769255" y="0"/>
                </a:lnTo>
                <a:lnTo>
                  <a:pt x="4842422" y="0"/>
                </a:lnTo>
                <a:lnTo>
                  <a:pt x="4904356" y="0"/>
                </a:lnTo>
                <a:lnTo>
                  <a:pt x="4955994" y="0"/>
                </a:lnTo>
                <a:lnTo>
                  <a:pt x="4998272" y="0"/>
                </a:lnTo>
                <a:lnTo>
                  <a:pt x="5032125" y="0"/>
                </a:lnTo>
                <a:lnTo>
                  <a:pt x="5078303" y="0"/>
                </a:lnTo>
                <a:lnTo>
                  <a:pt x="5102016" y="0"/>
                </a:lnTo>
                <a:lnTo>
                  <a:pt x="5110752" y="0"/>
                </a:lnTo>
                <a:lnTo>
                  <a:pt x="5112000" y="0"/>
                </a:lnTo>
                <a:lnTo>
                  <a:pt x="5112000" y="402943"/>
                </a:lnTo>
                <a:lnTo>
                  <a:pt x="5112000" y="780710"/>
                </a:lnTo>
                <a:lnTo>
                  <a:pt x="5112000" y="1134114"/>
                </a:lnTo>
                <a:lnTo>
                  <a:pt x="5112000" y="1463966"/>
                </a:lnTo>
                <a:lnTo>
                  <a:pt x="5112000" y="1771080"/>
                </a:lnTo>
                <a:lnTo>
                  <a:pt x="5112000" y="2056266"/>
                </a:lnTo>
                <a:lnTo>
                  <a:pt x="5112000" y="2320338"/>
                </a:lnTo>
                <a:lnTo>
                  <a:pt x="5112000" y="2564106"/>
                </a:lnTo>
                <a:lnTo>
                  <a:pt x="5112000" y="2788385"/>
                </a:lnTo>
                <a:lnTo>
                  <a:pt x="5112000" y="2993984"/>
                </a:lnTo>
                <a:lnTo>
                  <a:pt x="5112000" y="3181717"/>
                </a:lnTo>
                <a:lnTo>
                  <a:pt x="5112000" y="3352396"/>
                </a:lnTo>
                <a:lnTo>
                  <a:pt x="5112000" y="3506832"/>
                </a:lnTo>
                <a:lnTo>
                  <a:pt x="5112000" y="3645839"/>
                </a:lnTo>
                <a:lnTo>
                  <a:pt x="5112000" y="3770227"/>
                </a:lnTo>
                <a:lnTo>
                  <a:pt x="5112000" y="3880810"/>
                </a:lnTo>
                <a:lnTo>
                  <a:pt x="5112000" y="3978398"/>
                </a:lnTo>
                <a:lnTo>
                  <a:pt x="5112000" y="4063806"/>
                </a:lnTo>
                <a:lnTo>
                  <a:pt x="5112000" y="4137843"/>
                </a:lnTo>
                <a:lnTo>
                  <a:pt x="5112000" y="4201323"/>
                </a:lnTo>
                <a:lnTo>
                  <a:pt x="5112000" y="4255058"/>
                </a:lnTo>
                <a:lnTo>
                  <a:pt x="5112000" y="4299859"/>
                </a:lnTo>
                <a:lnTo>
                  <a:pt x="5112000" y="4336540"/>
                </a:lnTo>
                <a:lnTo>
                  <a:pt x="5112000" y="4365911"/>
                </a:lnTo>
                <a:lnTo>
                  <a:pt x="5112000" y="4405975"/>
                </a:lnTo>
                <a:lnTo>
                  <a:pt x="5112000" y="4426549"/>
                </a:lnTo>
                <a:lnTo>
                  <a:pt x="5112000" y="4434128"/>
                </a:lnTo>
                <a:lnTo>
                  <a:pt x="5112000" y="4435211"/>
                </a:lnTo>
                <a:cubicBezTo>
                  <a:pt x="4848462" y="4698909"/>
                  <a:pt x="4699230" y="4848232"/>
                  <a:pt x="4432517" y="5115107"/>
                </a:cubicBezTo>
                <a:cubicBezTo>
                  <a:pt x="0" y="5115107"/>
                  <a:pt x="0" y="5115107"/>
                  <a:pt x="0" y="5115107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wrap="square" lIns="216000" tIns="180000" rIns="216000" bIns="2520000" anchor="t" anchorCtr="0">
            <a:noAutofit/>
          </a:bodyPr>
          <a:lstStyle>
            <a:lvl1pPr algn="l">
              <a:lnSpc>
                <a:spcPct val="101000"/>
              </a:lnSpc>
              <a:defRPr sz="1800">
                <a:solidFill>
                  <a:schemeClr val="bg2"/>
                </a:solidFill>
              </a:defRPr>
            </a:lvl1pPr>
          </a:lstStyle>
          <a:p>
            <a:r>
              <a:rPr lang="da-DK" dirty="0"/>
              <a:t>”Indsæt citat”</a:t>
            </a:r>
          </a:p>
        </p:txBody>
      </p:sp>
      <p:sp>
        <p:nvSpPr>
          <p:cNvPr id="4" name="Text Placeholder 2"/>
          <p:cNvSpPr>
            <a:spLocks noGrp="1"/>
          </p:cNvSpPr>
          <p:nvPr>
            <p:ph type="body" sz="quarter" idx="18" hasCustomPrompt="1"/>
          </p:nvPr>
        </p:nvSpPr>
        <p:spPr>
          <a:xfrm>
            <a:off x="5535450" y="4337264"/>
            <a:ext cx="3780000" cy="835761"/>
          </a:xfrm>
        </p:spPr>
        <p:txBody>
          <a:bodyPr lIns="216000" rIns="612000"/>
          <a:lstStyle>
            <a:lvl1pPr marL="0" indent="0">
              <a:lnSpc>
                <a:spcPct val="95000"/>
              </a:lnSpc>
              <a:spcAft>
                <a:spcPts val="500"/>
              </a:spcAft>
              <a:buFontTx/>
              <a:buNone/>
              <a:defRPr sz="1800">
                <a:solidFill>
                  <a:schemeClr val="bg2"/>
                </a:solidFill>
              </a:defRPr>
            </a:lvl1pPr>
            <a:lvl2pPr marL="216000" indent="0">
              <a:spcAft>
                <a:spcPts val="500"/>
              </a:spcAft>
              <a:buFontTx/>
              <a:buNone/>
              <a:defRPr>
                <a:solidFill>
                  <a:schemeClr val="bg2"/>
                </a:solidFill>
              </a:defRPr>
            </a:lvl2pPr>
            <a:lvl3pPr marL="432000" indent="0">
              <a:spcAft>
                <a:spcPts val="500"/>
              </a:spcAft>
              <a:buFontTx/>
              <a:buNone/>
              <a:defRPr>
                <a:solidFill>
                  <a:schemeClr val="bg2"/>
                </a:solidFill>
              </a:defRPr>
            </a:lvl3pPr>
            <a:lvl4pPr marL="648000" indent="0">
              <a:spcAft>
                <a:spcPts val="500"/>
              </a:spcAft>
              <a:buFontTx/>
              <a:buNone/>
              <a:defRPr>
                <a:solidFill>
                  <a:schemeClr val="bg2"/>
                </a:solidFill>
              </a:defRPr>
            </a:lvl4pPr>
            <a:lvl5pPr marL="864000" indent="0">
              <a:spcAft>
                <a:spcPts val="500"/>
              </a:spcAft>
              <a:buFontTx/>
              <a:buNone/>
              <a:defRPr>
                <a:solidFill>
                  <a:schemeClr val="bg2"/>
                </a:solidFill>
              </a:defRPr>
            </a:lvl5pPr>
          </a:lstStyle>
          <a:p>
            <a:pPr lvl="0"/>
            <a:r>
              <a:rPr lang="da-DK" dirty="0"/>
              <a:t>Indsæt navn og titel</a:t>
            </a:r>
          </a:p>
        </p:txBody>
      </p:sp>
      <p:sp>
        <p:nvSpPr>
          <p:cNvPr id="16" name="Content Placeholder 4"/>
          <p:cNvSpPr>
            <a:spLocks noGrp="1"/>
          </p:cNvSpPr>
          <p:nvPr>
            <p:ph sz="quarter" idx="17" hasCustomPrompt="1"/>
          </p:nvPr>
        </p:nvSpPr>
        <p:spPr>
          <a:xfrm>
            <a:off x="208800" y="4204800"/>
            <a:ext cx="2448000" cy="2448000"/>
          </a:xfrm>
        </p:spPr>
        <p:txBody>
          <a:bodyPr/>
          <a:lstStyle>
            <a:lvl1pPr marL="0" indent="0">
              <a:buNone/>
              <a:defRPr sz="1400" b="1"/>
            </a:lvl1pPr>
          </a:lstStyle>
          <a:p>
            <a:pPr lvl="0"/>
            <a:r>
              <a:rPr lang="da-DK" dirty="0"/>
              <a:t>Klik på denne pladsholder og indsæt ikon via Skyfish</a:t>
            </a:r>
          </a:p>
        </p:txBody>
      </p:sp>
      <p:sp>
        <p:nvSpPr>
          <p:cNvPr id="5" name="TextBox 4"/>
          <p:cNvSpPr txBox="1"/>
          <p:nvPr userDrawn="1"/>
        </p:nvSpPr>
        <p:spPr>
          <a:xfrm>
            <a:off x="-1" y="-300028"/>
            <a:ext cx="1188000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b="1" dirty="0"/>
              <a:t>Bemærk</a:t>
            </a:r>
            <a:r>
              <a:rPr lang="da-DK" sz="1200" dirty="0"/>
              <a:t>: På denne side kan billede/</a:t>
            </a:r>
            <a:r>
              <a:rPr lang="da-DK" sz="1200" dirty="0" err="1"/>
              <a:t>graﬁk</a:t>
            </a:r>
            <a:r>
              <a:rPr lang="da-DK" sz="1200" dirty="0"/>
              <a:t> udskiftes. Tekstboksen kan ﬂyttes rund ift. billedet, vælg boksen</a:t>
            </a:r>
            <a:r>
              <a:rPr lang="da-DK" sz="1200" baseline="0" dirty="0"/>
              <a:t> og al teksten i boksen</a:t>
            </a:r>
            <a:r>
              <a:rPr lang="da-DK" sz="1200" dirty="0"/>
              <a:t>. Farven på tekst og tekstboks kan ændres til hvid/rød/grå.</a:t>
            </a:r>
          </a:p>
        </p:txBody>
      </p:sp>
      <p:sp>
        <p:nvSpPr>
          <p:cNvPr id="13" name="Slide Number Placeholder 5" hidden="1"/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r" defTabSz="914400" rtl="0" eaLnBrk="1" latinLnBrk="0" hangingPunct="1">
              <a:defRPr sz="100" b="1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rtl="0"/>
            <a:fld id="{24C8C45C-947F-4981-8B3F-4F32E973C901}" type="slidenum">
              <a:rPr lang="da-DK" smtClean="0"/>
              <a:pPr rtl="0"/>
              <a:t>‹nr.›</a:t>
            </a:fld>
            <a:endParaRPr lang="da-DK" dirty="0"/>
          </a:p>
        </p:txBody>
      </p:sp>
      <p:sp>
        <p:nvSpPr>
          <p:cNvPr id="14" name="Footer Placeholder 4" hidden="1"/>
          <p:cNvSpPr>
            <a:spLocks noGrp="1"/>
          </p:cNvSpPr>
          <p:nvPr>
            <p:ph type="ftr" sz="quarter" idx="3"/>
          </p:nvPr>
        </p:nvSpPr>
        <p:spPr>
          <a:xfrm>
            <a:off x="0" y="70644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 rtl="0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7" name="Date Placeholder 11" hidden="1"/>
          <p:cNvSpPr>
            <a:spLocks noGrp="1"/>
          </p:cNvSpPr>
          <p:nvPr>
            <p:ph type="dt" sz="half" idx="10"/>
          </p:nvPr>
        </p:nvSpPr>
        <p:spPr>
          <a:xfrm>
            <a:off x="0" y="6984000"/>
            <a:ext cx="0" cy="0"/>
          </a:xfrm>
        </p:spPr>
        <p:txBody>
          <a:bodyPr/>
          <a:lstStyle/>
          <a:p>
            <a:fld id="{D9FE36D3-6D8A-41B0-8F1B-2F75587B4040}" type="datetime2">
              <a:rPr lang="da-DK" smtClean="0"/>
              <a:t>22. november 2017</a:t>
            </a:fld>
            <a:endParaRPr lang="da-DK" dirty="0"/>
          </a:p>
        </p:txBody>
      </p:sp>
      <p:sp>
        <p:nvSpPr>
          <p:cNvPr id="18" name="Placeholder logo"/>
          <p:cNvSpPr>
            <a:spLocks noGrp="1"/>
          </p:cNvSpPr>
          <p:nvPr>
            <p:ph type="body" sz="quarter" idx="19" hasCustomPrompt="1"/>
          </p:nvPr>
        </p:nvSpPr>
        <p:spPr>
          <a:xfrm>
            <a:off x="10809164" y="398179"/>
            <a:ext cx="1051200" cy="14868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en-US" dirty="0"/>
              <a:t>.</a:t>
            </a:r>
            <a:endParaRPr lang="da-DK" dirty="0"/>
          </a:p>
        </p:txBody>
      </p:sp>
      <p:sp>
        <p:nvSpPr>
          <p:cNvPr id="20" name="Rectangle 19"/>
          <p:cNvSpPr/>
          <p:nvPr userDrawn="1"/>
        </p:nvSpPr>
        <p:spPr>
          <a:xfrm>
            <a:off x="11765941" y="-300028"/>
            <a:ext cx="160500" cy="1605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1" name="Rectangle 20"/>
          <p:cNvSpPr/>
          <p:nvPr userDrawn="1"/>
        </p:nvSpPr>
        <p:spPr>
          <a:xfrm>
            <a:off x="11964594" y="-300028"/>
            <a:ext cx="160500" cy="160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2" name="Rectangle 21"/>
          <p:cNvSpPr/>
          <p:nvPr userDrawn="1"/>
        </p:nvSpPr>
        <p:spPr>
          <a:xfrm>
            <a:off x="12163247" y="-300028"/>
            <a:ext cx="160500" cy="1605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</p:spTree>
    <p:extLst>
      <p:ext uri="{BB962C8B-B14F-4D97-AF65-F5344CB8AC3E}">
        <p14:creationId xmlns:p14="http://schemas.microsoft.com/office/powerpoint/2010/main" val="114335118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gur 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itle</a:t>
            </a:r>
            <a:r>
              <a:rPr lang="da-DK" dirty="0"/>
              <a:t> style</a:t>
            </a:r>
          </a:p>
        </p:txBody>
      </p:sp>
      <p:sp>
        <p:nvSpPr>
          <p:cNvPr id="8" name="Date Placeholder 7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9FE36D3-6D8A-41B0-8F1B-2F75587B4040}" type="datetime2">
              <a:rPr lang="da-DK" smtClean="0"/>
              <a:t>22. november 2017</a:t>
            </a:fld>
            <a:endParaRPr lang="en-GB" dirty="0"/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0" name="Slide Number Placeholder 9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3" name="Text Placeholder 12"/>
          <p:cNvSpPr>
            <a:spLocks noGrp="1" noChangeAspect="1"/>
          </p:cNvSpPr>
          <p:nvPr>
            <p:ph type="body" sz="quarter" idx="13"/>
          </p:nvPr>
        </p:nvSpPr>
        <p:spPr>
          <a:xfrm>
            <a:off x="778302" y="2291246"/>
            <a:ext cx="1692000" cy="1692000"/>
          </a:xfrm>
          <a:prstGeom prst="ellipse">
            <a:avLst/>
          </a:prstGeom>
          <a:solidFill>
            <a:schemeClr val="accent6"/>
          </a:solidFill>
        </p:spPr>
        <p:txBody>
          <a:bodyPr anchor="ctr" anchorCtr="0"/>
          <a:lstStyle>
            <a:lvl1pPr marL="0" indent="0" algn="ctr">
              <a:buNone/>
              <a:defRPr sz="2000" b="1">
                <a:solidFill>
                  <a:schemeClr val="bg2"/>
                </a:solidFill>
              </a:defRPr>
            </a:lvl1pPr>
            <a:lvl2pPr marL="216000" indent="0">
              <a:buNone/>
              <a:defRPr sz="1200"/>
            </a:lvl2pPr>
            <a:lvl3pPr marL="432000" indent="0">
              <a:buNone/>
              <a:defRPr sz="1200"/>
            </a:lvl3pPr>
            <a:lvl4pPr marL="648000" indent="0">
              <a:buNone/>
              <a:defRPr sz="1200"/>
            </a:lvl4pPr>
            <a:lvl5pPr marL="864000" indent="0">
              <a:buNone/>
              <a:defRPr sz="1200"/>
            </a:lvl5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14" name="Text Placeholder 12"/>
          <p:cNvSpPr>
            <a:spLocks noGrp="1" noChangeAspect="1"/>
          </p:cNvSpPr>
          <p:nvPr>
            <p:ph type="body" sz="quarter" idx="14"/>
          </p:nvPr>
        </p:nvSpPr>
        <p:spPr>
          <a:xfrm>
            <a:off x="1433151" y="4172818"/>
            <a:ext cx="2052000" cy="2052000"/>
          </a:xfrm>
          <a:prstGeom prst="ellipse">
            <a:avLst/>
          </a:prstGeom>
          <a:solidFill>
            <a:schemeClr val="accent2"/>
          </a:solidFill>
        </p:spPr>
        <p:txBody>
          <a:bodyPr anchor="ctr" anchorCtr="0"/>
          <a:lstStyle>
            <a:lvl1pPr marL="0" indent="0" algn="ctr">
              <a:buNone/>
              <a:defRPr sz="2400" b="1">
                <a:solidFill>
                  <a:schemeClr val="bg2"/>
                </a:solidFill>
              </a:defRPr>
            </a:lvl1pPr>
            <a:lvl2pPr marL="216000" indent="0">
              <a:buNone/>
              <a:defRPr sz="1200"/>
            </a:lvl2pPr>
            <a:lvl3pPr marL="432000" indent="0">
              <a:buNone/>
              <a:defRPr sz="1200"/>
            </a:lvl3pPr>
            <a:lvl4pPr marL="648000" indent="0">
              <a:buNone/>
              <a:defRPr sz="1200"/>
            </a:lvl4pPr>
            <a:lvl5pPr marL="864000" indent="0">
              <a:buNone/>
              <a:defRPr sz="1200"/>
            </a:lvl5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15" name="Text Placeholder 12"/>
          <p:cNvSpPr>
            <a:spLocks noGrp="1" noChangeAspect="1"/>
          </p:cNvSpPr>
          <p:nvPr>
            <p:ph type="body" sz="quarter" idx="15"/>
          </p:nvPr>
        </p:nvSpPr>
        <p:spPr>
          <a:xfrm>
            <a:off x="4019590" y="2242546"/>
            <a:ext cx="792000" cy="792000"/>
          </a:xfrm>
          <a:prstGeom prst="ellipse">
            <a:avLst/>
          </a:prstGeom>
          <a:solidFill>
            <a:schemeClr val="accent5"/>
          </a:solidFill>
        </p:spPr>
        <p:txBody>
          <a:bodyPr anchor="ctr" anchorCtr="0"/>
          <a:lstStyle>
            <a:lvl1pPr marL="0" indent="0" algn="ctr">
              <a:buNone/>
              <a:defRPr sz="1000" b="1">
                <a:solidFill>
                  <a:schemeClr val="bg2"/>
                </a:solidFill>
              </a:defRPr>
            </a:lvl1pPr>
            <a:lvl2pPr marL="216000" indent="0">
              <a:buNone/>
              <a:defRPr sz="1200"/>
            </a:lvl2pPr>
            <a:lvl3pPr marL="432000" indent="0">
              <a:buNone/>
              <a:defRPr sz="1200"/>
            </a:lvl3pPr>
            <a:lvl4pPr marL="648000" indent="0">
              <a:buNone/>
              <a:defRPr sz="1200"/>
            </a:lvl4pPr>
            <a:lvl5pPr marL="864000" indent="0">
              <a:buNone/>
              <a:defRPr sz="1200"/>
            </a:lvl5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16" name="Text Placeholder 12"/>
          <p:cNvSpPr>
            <a:spLocks noGrp="1" noChangeAspect="1"/>
          </p:cNvSpPr>
          <p:nvPr>
            <p:ph type="body" sz="quarter" idx="16"/>
          </p:nvPr>
        </p:nvSpPr>
        <p:spPr>
          <a:xfrm>
            <a:off x="8016602" y="2556892"/>
            <a:ext cx="864000" cy="864000"/>
          </a:xfrm>
          <a:prstGeom prst="ellipse">
            <a:avLst/>
          </a:prstGeom>
          <a:solidFill>
            <a:schemeClr val="accent6"/>
          </a:solidFill>
        </p:spPr>
        <p:txBody>
          <a:bodyPr anchor="ctr" anchorCtr="0"/>
          <a:lstStyle>
            <a:lvl1pPr marL="0" indent="0" algn="ctr">
              <a:buNone/>
              <a:defRPr sz="1000" b="1">
                <a:solidFill>
                  <a:schemeClr val="bg2"/>
                </a:solidFill>
              </a:defRPr>
            </a:lvl1pPr>
            <a:lvl2pPr marL="216000" indent="0">
              <a:buNone/>
              <a:defRPr sz="1200"/>
            </a:lvl2pPr>
            <a:lvl3pPr marL="432000" indent="0">
              <a:buNone/>
              <a:defRPr sz="1200"/>
            </a:lvl3pPr>
            <a:lvl4pPr marL="648000" indent="0">
              <a:buNone/>
              <a:defRPr sz="1200"/>
            </a:lvl4pPr>
            <a:lvl5pPr marL="864000" indent="0">
              <a:buNone/>
              <a:defRPr sz="1200"/>
            </a:lvl5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17" name="Text Placeholder 12"/>
          <p:cNvSpPr>
            <a:spLocks noGrp="1" noChangeAspect="1"/>
          </p:cNvSpPr>
          <p:nvPr>
            <p:ph type="body" sz="quarter" idx="17"/>
          </p:nvPr>
        </p:nvSpPr>
        <p:spPr>
          <a:xfrm>
            <a:off x="3191930" y="3201621"/>
            <a:ext cx="1008000" cy="1008000"/>
          </a:xfrm>
          <a:prstGeom prst="ellipse">
            <a:avLst/>
          </a:prstGeom>
          <a:solidFill>
            <a:schemeClr val="accent4"/>
          </a:solidFill>
        </p:spPr>
        <p:txBody>
          <a:bodyPr anchor="ctr" anchorCtr="0"/>
          <a:lstStyle>
            <a:lvl1pPr marL="0" indent="0" algn="ctr">
              <a:buNone/>
              <a:defRPr sz="1200" b="1">
                <a:solidFill>
                  <a:schemeClr val="bg2"/>
                </a:solidFill>
              </a:defRPr>
            </a:lvl1pPr>
            <a:lvl2pPr marL="216000" indent="0">
              <a:buNone/>
              <a:defRPr sz="1200"/>
            </a:lvl2pPr>
            <a:lvl3pPr marL="432000" indent="0">
              <a:buNone/>
              <a:defRPr sz="1200"/>
            </a:lvl3pPr>
            <a:lvl4pPr marL="648000" indent="0">
              <a:buNone/>
              <a:defRPr sz="1200"/>
            </a:lvl4pPr>
            <a:lvl5pPr marL="864000" indent="0">
              <a:buNone/>
              <a:defRPr sz="1200"/>
            </a:lvl5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18" name="Text Placeholder 12"/>
          <p:cNvSpPr>
            <a:spLocks noGrp="1" noChangeAspect="1"/>
          </p:cNvSpPr>
          <p:nvPr>
            <p:ph type="body" sz="quarter" idx="18"/>
          </p:nvPr>
        </p:nvSpPr>
        <p:spPr>
          <a:xfrm>
            <a:off x="3868437" y="4717664"/>
            <a:ext cx="1368000" cy="1368000"/>
          </a:xfrm>
          <a:prstGeom prst="ellipse">
            <a:avLst/>
          </a:prstGeom>
          <a:solidFill>
            <a:schemeClr val="accent1"/>
          </a:solidFill>
        </p:spPr>
        <p:txBody>
          <a:bodyPr anchor="ctr" anchorCtr="0"/>
          <a:lstStyle>
            <a:lvl1pPr marL="0" indent="0" algn="ctr">
              <a:buNone/>
              <a:defRPr sz="1600" b="1">
                <a:solidFill>
                  <a:schemeClr val="bg2"/>
                </a:solidFill>
              </a:defRPr>
            </a:lvl1pPr>
            <a:lvl2pPr marL="216000" indent="0">
              <a:buNone/>
              <a:defRPr sz="1200"/>
            </a:lvl2pPr>
            <a:lvl3pPr marL="432000" indent="0">
              <a:buNone/>
              <a:defRPr sz="1200"/>
            </a:lvl3pPr>
            <a:lvl4pPr marL="648000" indent="0">
              <a:buNone/>
              <a:defRPr sz="1200"/>
            </a:lvl4pPr>
            <a:lvl5pPr marL="864000" indent="0">
              <a:buNone/>
              <a:defRPr sz="1200"/>
            </a:lvl5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19" name="Text Placeholder 12"/>
          <p:cNvSpPr>
            <a:spLocks noGrp="1" noChangeAspect="1"/>
          </p:cNvSpPr>
          <p:nvPr>
            <p:ph type="body" sz="quarter" idx="19"/>
          </p:nvPr>
        </p:nvSpPr>
        <p:spPr>
          <a:xfrm>
            <a:off x="7322277" y="4956214"/>
            <a:ext cx="1224000" cy="1224000"/>
          </a:xfrm>
          <a:prstGeom prst="ellipse">
            <a:avLst/>
          </a:prstGeom>
          <a:solidFill>
            <a:schemeClr val="accent2"/>
          </a:solidFill>
        </p:spPr>
        <p:txBody>
          <a:bodyPr anchor="ctr" anchorCtr="0"/>
          <a:lstStyle>
            <a:lvl1pPr marL="0" indent="0" algn="ctr">
              <a:buNone/>
              <a:defRPr sz="1400" b="1">
                <a:solidFill>
                  <a:schemeClr val="bg2"/>
                </a:solidFill>
              </a:defRPr>
            </a:lvl1pPr>
            <a:lvl2pPr marL="216000" indent="0">
              <a:buNone/>
              <a:defRPr sz="1200"/>
            </a:lvl2pPr>
            <a:lvl3pPr marL="432000" indent="0">
              <a:buNone/>
              <a:defRPr sz="1200"/>
            </a:lvl3pPr>
            <a:lvl4pPr marL="648000" indent="0">
              <a:buNone/>
              <a:defRPr sz="1200"/>
            </a:lvl4pPr>
            <a:lvl5pPr marL="864000" indent="0">
              <a:buNone/>
              <a:defRPr sz="1200"/>
            </a:lvl5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20" name="Text Placeholder 12"/>
          <p:cNvSpPr>
            <a:spLocks noGrp="1" noChangeAspect="1"/>
          </p:cNvSpPr>
          <p:nvPr>
            <p:ph type="body" sz="quarter" idx="20"/>
          </p:nvPr>
        </p:nvSpPr>
        <p:spPr>
          <a:xfrm>
            <a:off x="8948274" y="4637060"/>
            <a:ext cx="1440000" cy="1440000"/>
          </a:xfrm>
          <a:prstGeom prst="ellipse">
            <a:avLst/>
          </a:prstGeom>
          <a:solidFill>
            <a:schemeClr val="accent3"/>
          </a:solidFill>
        </p:spPr>
        <p:txBody>
          <a:bodyPr anchor="ctr" anchorCtr="0"/>
          <a:lstStyle>
            <a:lvl1pPr marL="0" indent="0" algn="ctr">
              <a:buNone/>
              <a:defRPr sz="1600" b="1">
                <a:solidFill>
                  <a:schemeClr val="bg2"/>
                </a:solidFill>
              </a:defRPr>
            </a:lvl1pPr>
            <a:lvl2pPr marL="216000" indent="0">
              <a:buNone/>
              <a:defRPr sz="1200"/>
            </a:lvl2pPr>
            <a:lvl3pPr marL="432000" indent="0">
              <a:buNone/>
              <a:defRPr sz="1200"/>
            </a:lvl3pPr>
            <a:lvl4pPr marL="648000" indent="0">
              <a:buNone/>
              <a:defRPr sz="1200"/>
            </a:lvl4pPr>
            <a:lvl5pPr marL="864000" indent="0">
              <a:buNone/>
              <a:defRPr sz="1200"/>
            </a:lvl5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21" name="Text Placeholder 12"/>
          <p:cNvSpPr>
            <a:spLocks noGrp="1" noChangeAspect="1"/>
          </p:cNvSpPr>
          <p:nvPr>
            <p:ph type="body" sz="quarter" idx="21"/>
          </p:nvPr>
        </p:nvSpPr>
        <p:spPr>
          <a:xfrm>
            <a:off x="4921558" y="2424588"/>
            <a:ext cx="2808000" cy="2808000"/>
          </a:xfrm>
          <a:prstGeom prst="ellipse">
            <a:avLst/>
          </a:prstGeom>
          <a:solidFill>
            <a:schemeClr val="accent3"/>
          </a:solidFill>
        </p:spPr>
        <p:txBody>
          <a:bodyPr anchor="ctr" anchorCtr="0"/>
          <a:lstStyle>
            <a:lvl1pPr marL="0" indent="0" algn="ctr">
              <a:buNone/>
              <a:defRPr sz="3200" b="1">
                <a:solidFill>
                  <a:schemeClr val="bg2"/>
                </a:solidFill>
              </a:defRPr>
            </a:lvl1pPr>
            <a:lvl2pPr marL="216000" indent="0">
              <a:buNone/>
              <a:defRPr sz="1200"/>
            </a:lvl2pPr>
            <a:lvl3pPr marL="432000" indent="0">
              <a:buNone/>
              <a:defRPr sz="1200"/>
            </a:lvl3pPr>
            <a:lvl4pPr marL="648000" indent="0">
              <a:buNone/>
              <a:defRPr sz="1200"/>
            </a:lvl4pPr>
            <a:lvl5pPr marL="864000" indent="0">
              <a:buNone/>
              <a:defRPr sz="1200"/>
            </a:lvl5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22" name="Text Placeholder 12"/>
          <p:cNvSpPr>
            <a:spLocks noGrp="1" noChangeAspect="1"/>
          </p:cNvSpPr>
          <p:nvPr>
            <p:ph type="body" sz="quarter" idx="22"/>
          </p:nvPr>
        </p:nvSpPr>
        <p:spPr>
          <a:xfrm>
            <a:off x="9248544" y="2288628"/>
            <a:ext cx="2124000" cy="2124000"/>
          </a:xfrm>
          <a:prstGeom prst="ellipse">
            <a:avLst/>
          </a:prstGeom>
          <a:solidFill>
            <a:schemeClr val="accent5"/>
          </a:solidFill>
        </p:spPr>
        <p:txBody>
          <a:bodyPr anchor="ctr" anchorCtr="0"/>
          <a:lstStyle>
            <a:lvl1pPr marL="0" indent="0" algn="ctr">
              <a:buNone/>
              <a:defRPr sz="2400" b="1">
                <a:solidFill>
                  <a:schemeClr val="bg2"/>
                </a:solidFill>
              </a:defRPr>
            </a:lvl1pPr>
            <a:lvl2pPr marL="216000" indent="0">
              <a:buNone/>
              <a:defRPr sz="1200"/>
            </a:lvl2pPr>
            <a:lvl3pPr marL="432000" indent="0">
              <a:buNone/>
              <a:defRPr sz="1200"/>
            </a:lvl3pPr>
            <a:lvl4pPr marL="648000" indent="0">
              <a:buNone/>
              <a:defRPr sz="1200"/>
            </a:lvl4pPr>
            <a:lvl5pPr marL="864000" indent="0">
              <a:buNone/>
              <a:defRPr sz="1200"/>
            </a:lvl5pPr>
          </a:lstStyle>
          <a:p>
            <a:pPr lvl="0"/>
            <a:r>
              <a:rPr lang="en-US" dirty="0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333517650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Kun titel og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itle</a:t>
            </a:r>
            <a:r>
              <a:rPr lang="da-DK" dirty="0"/>
              <a:t> style</a:t>
            </a:r>
          </a:p>
        </p:txBody>
      </p:sp>
      <p:sp>
        <p:nvSpPr>
          <p:cNvPr id="6" name="Date Placeholder 5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9FE36D3-6D8A-41B0-8F1B-2F75587B4040}" type="datetime2">
              <a:rPr lang="da-DK" smtClean="0"/>
              <a:t>22. november 2017</a:t>
            </a:fld>
            <a:endParaRPr lang="en-GB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Slide Number Placeholder 7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4913289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Kun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9FE36D3-6D8A-41B0-8F1B-2F75587B4040}" type="datetime2">
              <a:rPr lang="da-DK" smtClean="0"/>
              <a:t>22. november 2017</a:t>
            </a:fld>
            <a:endParaRPr lang="en-GB" dirty="0"/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Slide Number Placeholder 6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1576131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slide (B)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756878" y="624469"/>
            <a:ext cx="7227922" cy="1973766"/>
          </a:xfrm>
        </p:spPr>
        <p:txBody>
          <a:bodyPr anchor="b"/>
          <a:lstStyle>
            <a:lvl1pPr algn="l">
              <a:defRPr sz="48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755999" y="2810109"/>
            <a:ext cx="7228801" cy="1092819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tx1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/>
              <a:t>Click to edit Master subtitle style</a:t>
            </a:r>
          </a:p>
        </p:txBody>
      </p:sp>
      <p:sp>
        <p:nvSpPr>
          <p:cNvPr id="9" name="Text Placeholder 3"/>
          <p:cNvSpPr>
            <a:spLocks noGrp="1"/>
          </p:cNvSpPr>
          <p:nvPr>
            <p:ph type="body" sz="quarter" idx="15" hasCustomPrompt="1"/>
          </p:nvPr>
        </p:nvSpPr>
        <p:spPr>
          <a:xfrm>
            <a:off x="755650" y="5510785"/>
            <a:ext cx="4563482" cy="391432"/>
          </a:xfrm>
        </p:spPr>
        <p:txBody>
          <a:bodyPr anchor="b" anchorCtr="0"/>
          <a:lstStyle>
            <a:lvl1pPr marL="0" indent="0">
              <a:lnSpc>
                <a:spcPct val="104000"/>
              </a:lnSpc>
              <a:buNone/>
              <a:defRPr sz="1600">
                <a:solidFill>
                  <a:schemeClr val="tx2"/>
                </a:solidFill>
              </a:defRPr>
            </a:lvl1pPr>
          </a:lstStyle>
          <a:p>
            <a:pPr lvl="0"/>
            <a:r>
              <a:rPr lang="da-DK" dirty="0"/>
              <a:t>Indsæt navn og efternavn</a:t>
            </a:r>
          </a:p>
        </p:txBody>
      </p:sp>
      <p:sp>
        <p:nvSpPr>
          <p:cNvPr id="7" name="Content Placeholder 4"/>
          <p:cNvSpPr>
            <a:spLocks noGrp="1"/>
          </p:cNvSpPr>
          <p:nvPr>
            <p:ph sz="quarter" idx="17" hasCustomPrompt="1"/>
          </p:nvPr>
        </p:nvSpPr>
        <p:spPr>
          <a:xfrm>
            <a:off x="6862642" y="4204800"/>
            <a:ext cx="1116000" cy="1116000"/>
          </a:xfrm>
        </p:spPr>
        <p:txBody>
          <a:bodyPr/>
          <a:lstStyle>
            <a:lvl1pPr marL="0" indent="0">
              <a:buNone/>
              <a:defRPr sz="1400" b="1"/>
            </a:lvl1pPr>
          </a:lstStyle>
          <a:p>
            <a:pPr lvl="0"/>
            <a:r>
              <a:rPr lang="da-DK" dirty="0"/>
              <a:t>Klik på denne pladsholder og indsæt ikon via Skyfish</a:t>
            </a:r>
          </a:p>
        </p:txBody>
      </p:sp>
      <p:sp>
        <p:nvSpPr>
          <p:cNvPr id="22" name="Content Placeholder 5"/>
          <p:cNvSpPr>
            <a:spLocks noGrp="1"/>
          </p:cNvSpPr>
          <p:nvPr>
            <p:ph sz="quarter" idx="18" hasCustomPrompt="1"/>
          </p:nvPr>
        </p:nvSpPr>
        <p:spPr>
          <a:xfrm>
            <a:off x="8199472" y="2872800"/>
            <a:ext cx="2448000" cy="2448000"/>
          </a:xfrm>
        </p:spPr>
        <p:txBody>
          <a:bodyPr/>
          <a:lstStyle>
            <a:lvl1pPr marL="0" indent="0">
              <a:buNone/>
              <a:defRPr sz="1400"/>
            </a:lvl1pPr>
          </a:lstStyle>
          <a:p>
            <a:pPr lvl="0"/>
            <a:r>
              <a:rPr lang="da-DK" dirty="0"/>
              <a:t>Klik på denne pladsholder og indsæt ikon via Skyfish</a:t>
            </a:r>
          </a:p>
        </p:txBody>
      </p:sp>
      <p:sp>
        <p:nvSpPr>
          <p:cNvPr id="24" name="Bogstav S"/>
          <p:cNvSpPr/>
          <p:nvPr userDrawn="1"/>
        </p:nvSpPr>
        <p:spPr>
          <a:xfrm>
            <a:off x="5532784" y="5539239"/>
            <a:ext cx="2448000" cy="1327939"/>
          </a:xfrm>
          <a:custGeom>
            <a:avLst/>
            <a:gdLst>
              <a:gd name="connsiteX0" fmla="*/ 327035 w 2448000"/>
              <a:gd name="connsiteY0" fmla="*/ 0 h 1327939"/>
              <a:gd name="connsiteX1" fmla="*/ 331178 w 2448000"/>
              <a:gd name="connsiteY1" fmla="*/ 0 h 1327939"/>
              <a:gd name="connsiteX2" fmla="*/ 360175 w 2448000"/>
              <a:gd name="connsiteY2" fmla="*/ 0 h 1327939"/>
              <a:gd name="connsiteX3" fmla="*/ 391762 w 2448000"/>
              <a:gd name="connsiteY3" fmla="*/ 0 h 1327939"/>
              <a:gd name="connsiteX4" fmla="*/ 438883 w 2448000"/>
              <a:gd name="connsiteY4" fmla="*/ 0 h 1327939"/>
              <a:gd name="connsiteX5" fmla="*/ 504645 w 2448000"/>
              <a:gd name="connsiteY5" fmla="*/ 0 h 1327939"/>
              <a:gd name="connsiteX6" fmla="*/ 592156 w 2448000"/>
              <a:gd name="connsiteY6" fmla="*/ 0 h 1327939"/>
              <a:gd name="connsiteX7" fmla="*/ 704521 w 2448000"/>
              <a:gd name="connsiteY7" fmla="*/ 0 h 1327939"/>
              <a:gd name="connsiteX8" fmla="*/ 844849 w 2448000"/>
              <a:gd name="connsiteY8" fmla="*/ 0 h 1327939"/>
              <a:gd name="connsiteX9" fmla="*/ 1016245 w 2448000"/>
              <a:gd name="connsiteY9" fmla="*/ 0 h 1327939"/>
              <a:gd name="connsiteX10" fmla="*/ 1221817 w 2448000"/>
              <a:gd name="connsiteY10" fmla="*/ 0 h 1327939"/>
              <a:gd name="connsiteX11" fmla="*/ 1464672 w 2448000"/>
              <a:gd name="connsiteY11" fmla="*/ 0 h 1327939"/>
              <a:gd name="connsiteX12" fmla="*/ 1747916 w 2448000"/>
              <a:gd name="connsiteY12" fmla="*/ 0 h 1327939"/>
              <a:gd name="connsiteX13" fmla="*/ 2074656 w 2448000"/>
              <a:gd name="connsiteY13" fmla="*/ 0 h 1327939"/>
              <a:gd name="connsiteX14" fmla="*/ 2448000 w 2448000"/>
              <a:gd name="connsiteY14" fmla="*/ 0 h 1327939"/>
              <a:gd name="connsiteX15" fmla="*/ 2448000 w 2448000"/>
              <a:gd name="connsiteY15" fmla="*/ 1203 h 1327939"/>
              <a:gd name="connsiteX16" fmla="*/ 2448000 w 2448000"/>
              <a:gd name="connsiteY16" fmla="*/ 9626 h 1327939"/>
              <a:gd name="connsiteX17" fmla="*/ 2448000 w 2448000"/>
              <a:gd name="connsiteY17" fmla="*/ 32489 h 1327939"/>
              <a:gd name="connsiteX18" fmla="*/ 2448000 w 2448000"/>
              <a:gd name="connsiteY18" fmla="*/ 77011 h 1327939"/>
              <a:gd name="connsiteX19" fmla="*/ 2448000 w 2448000"/>
              <a:gd name="connsiteY19" fmla="*/ 109650 h 1327939"/>
              <a:gd name="connsiteX20" fmla="*/ 2448000 w 2448000"/>
              <a:gd name="connsiteY20" fmla="*/ 150412 h 1327939"/>
              <a:gd name="connsiteX21" fmla="*/ 2448000 w 2448000"/>
              <a:gd name="connsiteY21" fmla="*/ 200198 h 1327939"/>
              <a:gd name="connsiteX22" fmla="*/ 2448000 w 2448000"/>
              <a:gd name="connsiteY22" fmla="*/ 259912 h 1327939"/>
              <a:gd name="connsiteX23" fmla="*/ 2448000 w 2448000"/>
              <a:gd name="connsiteY23" fmla="*/ 330455 h 1327939"/>
              <a:gd name="connsiteX24" fmla="*/ 2448000 w 2448000"/>
              <a:gd name="connsiteY24" fmla="*/ 412730 h 1327939"/>
              <a:gd name="connsiteX25" fmla="*/ 2448000 w 2448000"/>
              <a:gd name="connsiteY25" fmla="*/ 507640 h 1327939"/>
              <a:gd name="connsiteX26" fmla="*/ 2448000 w 2448000"/>
              <a:gd name="connsiteY26" fmla="*/ 616087 h 1327939"/>
              <a:gd name="connsiteX27" fmla="*/ 898553 w 2448000"/>
              <a:gd name="connsiteY27" fmla="*/ 616087 h 1327939"/>
              <a:gd name="connsiteX28" fmla="*/ 898553 w 2448000"/>
              <a:gd name="connsiteY28" fmla="*/ 922535 h 1327939"/>
              <a:gd name="connsiteX29" fmla="*/ 2120965 w 2448000"/>
              <a:gd name="connsiteY29" fmla="*/ 922535 h 1327939"/>
              <a:gd name="connsiteX30" fmla="*/ 2448000 w 2448000"/>
              <a:gd name="connsiteY30" fmla="*/ 1251327 h 1327939"/>
              <a:gd name="connsiteX31" fmla="*/ 2448000 w 2448000"/>
              <a:gd name="connsiteY31" fmla="*/ 1252524 h 1327939"/>
              <a:gd name="connsiteX32" fmla="*/ 2448000 w 2448000"/>
              <a:gd name="connsiteY32" fmla="*/ 1260904 h 1327939"/>
              <a:gd name="connsiteX33" fmla="*/ 2448000 w 2448000"/>
              <a:gd name="connsiteY33" fmla="*/ 1283648 h 1327939"/>
              <a:gd name="connsiteX34" fmla="*/ 2448000 w 2448000"/>
              <a:gd name="connsiteY34" fmla="*/ 1327939 h 1327939"/>
              <a:gd name="connsiteX35" fmla="*/ 117479 w 2448000"/>
              <a:gd name="connsiteY35" fmla="*/ 1327939 h 1327939"/>
              <a:gd name="connsiteX36" fmla="*/ 0 w 2448000"/>
              <a:gd name="connsiteY36" fmla="*/ 1209829 h 1327939"/>
              <a:gd name="connsiteX37" fmla="*/ 0 w 2448000"/>
              <a:gd name="connsiteY37" fmla="*/ 1208108 h 1327939"/>
              <a:gd name="connsiteX38" fmla="*/ 0 w 2448000"/>
              <a:gd name="connsiteY38" fmla="*/ 1196063 h 1327939"/>
              <a:gd name="connsiteX39" fmla="*/ 0 w 2448000"/>
              <a:gd name="connsiteY39" fmla="*/ 1182942 h 1327939"/>
              <a:gd name="connsiteX40" fmla="*/ 0 w 2448000"/>
              <a:gd name="connsiteY40" fmla="*/ 1163368 h 1327939"/>
              <a:gd name="connsiteX41" fmla="*/ 0 w 2448000"/>
              <a:gd name="connsiteY41" fmla="*/ 1136051 h 1327939"/>
              <a:gd name="connsiteX42" fmla="*/ 0 w 2448000"/>
              <a:gd name="connsiteY42" fmla="*/ 1099699 h 1327939"/>
              <a:gd name="connsiteX43" fmla="*/ 0 w 2448000"/>
              <a:gd name="connsiteY43" fmla="*/ 1053023 h 1327939"/>
              <a:gd name="connsiteX44" fmla="*/ 0 w 2448000"/>
              <a:gd name="connsiteY44" fmla="*/ 994732 h 1327939"/>
              <a:gd name="connsiteX45" fmla="*/ 0 w 2448000"/>
              <a:gd name="connsiteY45" fmla="*/ 923535 h 1327939"/>
              <a:gd name="connsiteX46" fmla="*/ 0 w 2448000"/>
              <a:gd name="connsiteY46" fmla="*/ 838142 h 1327939"/>
              <a:gd name="connsiteX47" fmla="*/ 0 w 2448000"/>
              <a:gd name="connsiteY47" fmla="*/ 737261 h 1327939"/>
              <a:gd name="connsiteX48" fmla="*/ 0 w 2448000"/>
              <a:gd name="connsiteY48" fmla="*/ 619604 h 1327939"/>
              <a:gd name="connsiteX49" fmla="*/ 0 w 2448000"/>
              <a:gd name="connsiteY49" fmla="*/ 483877 h 1327939"/>
              <a:gd name="connsiteX50" fmla="*/ 0 w 2448000"/>
              <a:gd name="connsiteY50" fmla="*/ 328793 h 1327939"/>
              <a:gd name="connsiteX51" fmla="*/ 327035 w 2448000"/>
              <a:gd name="connsiteY51" fmla="*/ 0 h 132793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</a:cxnLst>
            <a:rect l="l" t="t" r="r" b="b"/>
            <a:pathLst>
              <a:path w="2448000" h="1327939">
                <a:moveTo>
                  <a:pt x="327035" y="0"/>
                </a:moveTo>
                <a:lnTo>
                  <a:pt x="331178" y="0"/>
                </a:lnTo>
                <a:lnTo>
                  <a:pt x="360175" y="0"/>
                </a:lnTo>
                <a:lnTo>
                  <a:pt x="391762" y="0"/>
                </a:lnTo>
                <a:lnTo>
                  <a:pt x="438883" y="0"/>
                </a:lnTo>
                <a:lnTo>
                  <a:pt x="504645" y="0"/>
                </a:lnTo>
                <a:lnTo>
                  <a:pt x="592156" y="0"/>
                </a:lnTo>
                <a:lnTo>
                  <a:pt x="704521" y="0"/>
                </a:lnTo>
                <a:lnTo>
                  <a:pt x="844849" y="0"/>
                </a:lnTo>
                <a:lnTo>
                  <a:pt x="1016245" y="0"/>
                </a:lnTo>
                <a:lnTo>
                  <a:pt x="1221817" y="0"/>
                </a:lnTo>
                <a:lnTo>
                  <a:pt x="1464672" y="0"/>
                </a:lnTo>
                <a:lnTo>
                  <a:pt x="1747916" y="0"/>
                </a:lnTo>
                <a:lnTo>
                  <a:pt x="2074656" y="0"/>
                </a:lnTo>
                <a:lnTo>
                  <a:pt x="2448000" y="0"/>
                </a:lnTo>
                <a:lnTo>
                  <a:pt x="2448000" y="1203"/>
                </a:lnTo>
                <a:lnTo>
                  <a:pt x="2448000" y="9626"/>
                </a:lnTo>
                <a:lnTo>
                  <a:pt x="2448000" y="32489"/>
                </a:lnTo>
                <a:lnTo>
                  <a:pt x="2448000" y="77011"/>
                </a:lnTo>
                <a:lnTo>
                  <a:pt x="2448000" y="109650"/>
                </a:lnTo>
                <a:lnTo>
                  <a:pt x="2448000" y="150412"/>
                </a:lnTo>
                <a:lnTo>
                  <a:pt x="2448000" y="200198"/>
                </a:lnTo>
                <a:lnTo>
                  <a:pt x="2448000" y="259912"/>
                </a:lnTo>
                <a:lnTo>
                  <a:pt x="2448000" y="330455"/>
                </a:lnTo>
                <a:lnTo>
                  <a:pt x="2448000" y="412730"/>
                </a:lnTo>
                <a:lnTo>
                  <a:pt x="2448000" y="507640"/>
                </a:lnTo>
                <a:lnTo>
                  <a:pt x="2448000" y="616087"/>
                </a:lnTo>
                <a:cubicBezTo>
                  <a:pt x="2448000" y="616087"/>
                  <a:pt x="2448000" y="616087"/>
                  <a:pt x="898553" y="616087"/>
                </a:cubicBezTo>
                <a:cubicBezTo>
                  <a:pt x="898553" y="616087"/>
                  <a:pt x="898553" y="616087"/>
                  <a:pt x="898553" y="922535"/>
                </a:cubicBezTo>
                <a:cubicBezTo>
                  <a:pt x="898553" y="922535"/>
                  <a:pt x="898553" y="922535"/>
                  <a:pt x="2120965" y="922535"/>
                </a:cubicBezTo>
                <a:cubicBezTo>
                  <a:pt x="2251144" y="1050221"/>
                  <a:pt x="2320996" y="1123641"/>
                  <a:pt x="2448000" y="1251327"/>
                </a:cubicBezTo>
                <a:lnTo>
                  <a:pt x="2448000" y="1252524"/>
                </a:lnTo>
                <a:lnTo>
                  <a:pt x="2448000" y="1260904"/>
                </a:lnTo>
                <a:lnTo>
                  <a:pt x="2448000" y="1283648"/>
                </a:lnTo>
                <a:lnTo>
                  <a:pt x="2448000" y="1327939"/>
                </a:lnTo>
                <a:lnTo>
                  <a:pt x="117479" y="1327939"/>
                </a:lnTo>
                <a:cubicBezTo>
                  <a:pt x="82553" y="1292825"/>
                  <a:pt x="44452" y="1254519"/>
                  <a:pt x="0" y="1209829"/>
                </a:cubicBezTo>
                <a:lnTo>
                  <a:pt x="0" y="1208108"/>
                </a:lnTo>
                <a:lnTo>
                  <a:pt x="0" y="1196063"/>
                </a:lnTo>
                <a:lnTo>
                  <a:pt x="0" y="1182942"/>
                </a:lnTo>
                <a:lnTo>
                  <a:pt x="0" y="1163368"/>
                </a:lnTo>
                <a:lnTo>
                  <a:pt x="0" y="1136051"/>
                </a:lnTo>
                <a:lnTo>
                  <a:pt x="0" y="1099699"/>
                </a:lnTo>
                <a:lnTo>
                  <a:pt x="0" y="1053023"/>
                </a:lnTo>
                <a:lnTo>
                  <a:pt x="0" y="994732"/>
                </a:lnTo>
                <a:lnTo>
                  <a:pt x="0" y="923535"/>
                </a:lnTo>
                <a:lnTo>
                  <a:pt x="0" y="838142"/>
                </a:lnTo>
                <a:lnTo>
                  <a:pt x="0" y="737261"/>
                </a:lnTo>
                <a:lnTo>
                  <a:pt x="0" y="619604"/>
                </a:lnTo>
                <a:lnTo>
                  <a:pt x="0" y="483877"/>
                </a:lnTo>
                <a:lnTo>
                  <a:pt x="0" y="328793"/>
                </a:lnTo>
                <a:cubicBezTo>
                  <a:pt x="127004" y="201106"/>
                  <a:pt x="200031" y="127687"/>
                  <a:pt x="327035" y="0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30" name="Bogstav O"/>
          <p:cNvSpPr/>
          <p:nvPr userDrawn="1"/>
        </p:nvSpPr>
        <p:spPr>
          <a:xfrm>
            <a:off x="10867499" y="2880000"/>
            <a:ext cx="1324800" cy="2440800"/>
          </a:xfrm>
          <a:custGeom>
            <a:avLst/>
            <a:gdLst>
              <a:gd name="connsiteX0" fmla="*/ 326446 w 1324800"/>
              <a:gd name="connsiteY0" fmla="*/ 0 h 2440800"/>
              <a:gd name="connsiteX1" fmla="*/ 328396 w 1324800"/>
              <a:gd name="connsiteY1" fmla="*/ 0 h 2440800"/>
              <a:gd name="connsiteX2" fmla="*/ 342046 w 1324800"/>
              <a:gd name="connsiteY2" fmla="*/ 0 h 2440800"/>
              <a:gd name="connsiteX3" fmla="*/ 356914 w 1324800"/>
              <a:gd name="connsiteY3" fmla="*/ 0 h 2440800"/>
              <a:gd name="connsiteX4" fmla="*/ 379094 w 1324800"/>
              <a:gd name="connsiteY4" fmla="*/ 0 h 2440800"/>
              <a:gd name="connsiteX5" fmla="*/ 410049 w 1324800"/>
              <a:gd name="connsiteY5" fmla="*/ 0 h 2440800"/>
              <a:gd name="connsiteX6" fmla="*/ 451241 w 1324800"/>
              <a:gd name="connsiteY6" fmla="*/ 0 h 2440800"/>
              <a:gd name="connsiteX7" fmla="*/ 504132 w 1324800"/>
              <a:gd name="connsiteY7" fmla="*/ 0 h 2440800"/>
              <a:gd name="connsiteX8" fmla="*/ 570185 w 1324800"/>
              <a:gd name="connsiteY8" fmla="*/ 0 h 2440800"/>
              <a:gd name="connsiteX9" fmla="*/ 650863 w 1324800"/>
              <a:gd name="connsiteY9" fmla="*/ 0 h 2440800"/>
              <a:gd name="connsiteX10" fmla="*/ 747627 w 1324800"/>
              <a:gd name="connsiteY10" fmla="*/ 0 h 2440800"/>
              <a:gd name="connsiteX11" fmla="*/ 861940 w 1324800"/>
              <a:gd name="connsiteY11" fmla="*/ 0 h 2440800"/>
              <a:gd name="connsiteX12" fmla="*/ 995265 w 1324800"/>
              <a:gd name="connsiteY12" fmla="*/ 0 h 2440800"/>
              <a:gd name="connsiteX13" fmla="*/ 1149064 w 1324800"/>
              <a:gd name="connsiteY13" fmla="*/ 0 h 2440800"/>
              <a:gd name="connsiteX14" fmla="*/ 1324800 w 1324800"/>
              <a:gd name="connsiteY14" fmla="*/ 0 h 2440800"/>
              <a:gd name="connsiteX15" fmla="*/ 1324800 w 1324800"/>
              <a:gd name="connsiteY15" fmla="*/ 1192 h 2440800"/>
              <a:gd name="connsiteX16" fmla="*/ 1324800 w 1324800"/>
              <a:gd name="connsiteY16" fmla="*/ 9536 h 2440800"/>
              <a:gd name="connsiteX17" fmla="*/ 1324800 w 1324800"/>
              <a:gd name="connsiteY17" fmla="*/ 32183 h 2440800"/>
              <a:gd name="connsiteX18" fmla="*/ 1324800 w 1324800"/>
              <a:gd name="connsiteY18" fmla="*/ 76286 h 2440800"/>
              <a:gd name="connsiteX19" fmla="*/ 1324800 w 1324800"/>
              <a:gd name="connsiteY19" fmla="*/ 148996 h 2440800"/>
              <a:gd name="connsiteX20" fmla="*/ 1324800 w 1324800"/>
              <a:gd name="connsiteY20" fmla="*/ 257466 h 2440800"/>
              <a:gd name="connsiteX21" fmla="*/ 1324800 w 1324800"/>
              <a:gd name="connsiteY21" fmla="*/ 408846 h 2440800"/>
              <a:gd name="connsiteX22" fmla="*/ 1324800 w 1324800"/>
              <a:gd name="connsiteY22" fmla="*/ 502862 h 2440800"/>
              <a:gd name="connsiteX23" fmla="*/ 1324800 w 1324800"/>
              <a:gd name="connsiteY23" fmla="*/ 610288 h 2440800"/>
              <a:gd name="connsiteX24" fmla="*/ 896934 w 1324800"/>
              <a:gd name="connsiteY24" fmla="*/ 610288 h 2440800"/>
              <a:gd name="connsiteX25" fmla="*/ 896934 w 1324800"/>
              <a:gd name="connsiteY25" fmla="*/ 1830865 h 2440800"/>
              <a:gd name="connsiteX26" fmla="*/ 1324800 w 1324800"/>
              <a:gd name="connsiteY26" fmla="*/ 1830865 h 2440800"/>
              <a:gd name="connsiteX27" fmla="*/ 1324800 w 1324800"/>
              <a:gd name="connsiteY27" fmla="*/ 2440800 h 2440800"/>
              <a:gd name="connsiteX28" fmla="*/ 326100 w 1324800"/>
              <a:gd name="connsiteY28" fmla="*/ 2440800 h 2440800"/>
              <a:gd name="connsiteX29" fmla="*/ 240229 w 1324800"/>
              <a:gd name="connsiteY29" fmla="*/ 2353355 h 2440800"/>
              <a:gd name="connsiteX30" fmla="*/ 0 w 1324800"/>
              <a:gd name="connsiteY30" fmla="*/ 2115455 h 2440800"/>
              <a:gd name="connsiteX31" fmla="*/ 0 w 1324800"/>
              <a:gd name="connsiteY31" fmla="*/ 2111960 h 2440800"/>
              <a:gd name="connsiteX32" fmla="*/ 0 w 1324800"/>
              <a:gd name="connsiteY32" fmla="*/ 2087490 h 2440800"/>
              <a:gd name="connsiteX33" fmla="*/ 0 w 1324800"/>
              <a:gd name="connsiteY33" fmla="*/ 2060836 h 2440800"/>
              <a:gd name="connsiteX34" fmla="*/ 0 w 1324800"/>
              <a:gd name="connsiteY34" fmla="*/ 2021074 h 2440800"/>
              <a:gd name="connsiteX35" fmla="*/ 0 w 1324800"/>
              <a:gd name="connsiteY35" fmla="*/ 1965581 h 2440800"/>
              <a:gd name="connsiteX36" fmla="*/ 0 w 1324800"/>
              <a:gd name="connsiteY36" fmla="*/ 1891736 h 2440800"/>
              <a:gd name="connsiteX37" fmla="*/ 0 w 1324800"/>
              <a:gd name="connsiteY37" fmla="*/ 1796917 h 2440800"/>
              <a:gd name="connsiteX38" fmla="*/ 0 w 1324800"/>
              <a:gd name="connsiteY38" fmla="*/ 1678503 h 2440800"/>
              <a:gd name="connsiteX39" fmla="*/ 0 w 1324800"/>
              <a:gd name="connsiteY39" fmla="*/ 1533872 h 2440800"/>
              <a:gd name="connsiteX40" fmla="*/ 0 w 1324800"/>
              <a:gd name="connsiteY40" fmla="*/ 1360402 h 2440800"/>
              <a:gd name="connsiteX41" fmla="*/ 0 w 1324800"/>
              <a:gd name="connsiteY41" fmla="*/ 1155471 h 2440800"/>
              <a:gd name="connsiteX42" fmla="*/ 0 w 1324800"/>
              <a:gd name="connsiteY42" fmla="*/ 916458 h 2440800"/>
              <a:gd name="connsiteX43" fmla="*/ 0 w 1324800"/>
              <a:gd name="connsiteY43" fmla="*/ 640741 h 2440800"/>
              <a:gd name="connsiteX44" fmla="*/ 0 w 1324800"/>
              <a:gd name="connsiteY44" fmla="*/ 325698 h 2440800"/>
              <a:gd name="connsiteX45" fmla="*/ 326446 w 1324800"/>
              <a:gd name="connsiteY45" fmla="*/ 0 h 24408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</a:cxnLst>
            <a:rect l="l" t="t" r="r" b="b"/>
            <a:pathLst>
              <a:path w="1324800" h="2440800">
                <a:moveTo>
                  <a:pt x="326446" y="0"/>
                </a:moveTo>
                <a:lnTo>
                  <a:pt x="328396" y="0"/>
                </a:lnTo>
                <a:lnTo>
                  <a:pt x="342046" y="0"/>
                </a:lnTo>
                <a:lnTo>
                  <a:pt x="356914" y="0"/>
                </a:lnTo>
                <a:lnTo>
                  <a:pt x="379094" y="0"/>
                </a:lnTo>
                <a:lnTo>
                  <a:pt x="410049" y="0"/>
                </a:lnTo>
                <a:lnTo>
                  <a:pt x="451241" y="0"/>
                </a:lnTo>
                <a:lnTo>
                  <a:pt x="504132" y="0"/>
                </a:lnTo>
                <a:lnTo>
                  <a:pt x="570185" y="0"/>
                </a:lnTo>
                <a:lnTo>
                  <a:pt x="650863" y="0"/>
                </a:lnTo>
                <a:lnTo>
                  <a:pt x="747627" y="0"/>
                </a:lnTo>
                <a:lnTo>
                  <a:pt x="861940" y="0"/>
                </a:lnTo>
                <a:lnTo>
                  <a:pt x="995265" y="0"/>
                </a:lnTo>
                <a:lnTo>
                  <a:pt x="1149064" y="0"/>
                </a:lnTo>
                <a:lnTo>
                  <a:pt x="1324800" y="0"/>
                </a:lnTo>
                <a:lnTo>
                  <a:pt x="1324800" y="1192"/>
                </a:lnTo>
                <a:lnTo>
                  <a:pt x="1324800" y="9536"/>
                </a:lnTo>
                <a:lnTo>
                  <a:pt x="1324800" y="32183"/>
                </a:lnTo>
                <a:lnTo>
                  <a:pt x="1324800" y="76286"/>
                </a:lnTo>
                <a:lnTo>
                  <a:pt x="1324800" y="148996"/>
                </a:lnTo>
                <a:lnTo>
                  <a:pt x="1324800" y="257466"/>
                </a:lnTo>
                <a:lnTo>
                  <a:pt x="1324800" y="408846"/>
                </a:lnTo>
                <a:lnTo>
                  <a:pt x="1324800" y="502862"/>
                </a:lnTo>
                <a:lnTo>
                  <a:pt x="1324800" y="610288"/>
                </a:lnTo>
                <a:cubicBezTo>
                  <a:pt x="1324800" y="610288"/>
                  <a:pt x="1324800" y="610288"/>
                  <a:pt x="896934" y="610288"/>
                </a:cubicBezTo>
                <a:cubicBezTo>
                  <a:pt x="896934" y="610288"/>
                  <a:pt x="896934" y="610288"/>
                  <a:pt x="896934" y="1830865"/>
                </a:cubicBezTo>
                <a:cubicBezTo>
                  <a:pt x="896934" y="1830865"/>
                  <a:pt x="896934" y="1830865"/>
                  <a:pt x="1324800" y="1830865"/>
                </a:cubicBezTo>
                <a:lnTo>
                  <a:pt x="1324800" y="2440800"/>
                </a:lnTo>
                <a:lnTo>
                  <a:pt x="326100" y="2440800"/>
                </a:lnTo>
                <a:lnTo>
                  <a:pt x="240229" y="2353355"/>
                </a:lnTo>
                <a:cubicBezTo>
                  <a:pt x="161044" y="2273166"/>
                  <a:pt x="97459" y="2210319"/>
                  <a:pt x="0" y="2115455"/>
                </a:cubicBezTo>
                <a:lnTo>
                  <a:pt x="0" y="2111960"/>
                </a:lnTo>
                <a:lnTo>
                  <a:pt x="0" y="2087490"/>
                </a:lnTo>
                <a:lnTo>
                  <a:pt x="0" y="2060836"/>
                </a:lnTo>
                <a:lnTo>
                  <a:pt x="0" y="2021074"/>
                </a:lnTo>
                <a:lnTo>
                  <a:pt x="0" y="1965581"/>
                </a:lnTo>
                <a:lnTo>
                  <a:pt x="0" y="1891736"/>
                </a:lnTo>
                <a:lnTo>
                  <a:pt x="0" y="1796917"/>
                </a:lnTo>
                <a:lnTo>
                  <a:pt x="0" y="1678503"/>
                </a:lnTo>
                <a:lnTo>
                  <a:pt x="0" y="1533872"/>
                </a:lnTo>
                <a:lnTo>
                  <a:pt x="0" y="1360402"/>
                </a:lnTo>
                <a:lnTo>
                  <a:pt x="0" y="1155471"/>
                </a:lnTo>
                <a:lnTo>
                  <a:pt x="0" y="916458"/>
                </a:lnTo>
                <a:lnTo>
                  <a:pt x="0" y="640741"/>
                </a:lnTo>
                <a:lnTo>
                  <a:pt x="0" y="325698"/>
                </a:lnTo>
                <a:cubicBezTo>
                  <a:pt x="129945" y="199213"/>
                  <a:pt x="199671" y="129647"/>
                  <a:pt x="326446" y="0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755649" y="5963881"/>
            <a:ext cx="4564800" cy="180000"/>
          </a:xfrm>
          <a:prstGeom prst="rect">
            <a:avLst/>
          </a:prstGeom>
        </p:spPr>
        <p:txBody>
          <a:bodyPr/>
          <a:lstStyle>
            <a:lvl1pPr>
              <a:defRPr sz="1600">
                <a:solidFill>
                  <a:schemeClr val="tx2"/>
                </a:solidFill>
              </a:defRPr>
            </a:lvl1pPr>
          </a:lstStyle>
          <a:p>
            <a:fld id="{A564B39A-844A-43C5-9F2D-26F589F9F649}" type="datetime2">
              <a:rPr lang="da-DK" smtClean="0"/>
              <a:pPr/>
              <a:t>22. november 2017</a:t>
            </a:fld>
            <a:endParaRPr lang="da-DK" dirty="0"/>
          </a:p>
        </p:txBody>
      </p:sp>
      <p:sp>
        <p:nvSpPr>
          <p:cNvPr id="15" name="Slide Number Placeholder 5" hidden="1"/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r" defTabSz="914400" rtl="0" eaLnBrk="1" latinLnBrk="0" hangingPunct="1">
              <a:defRPr sz="100" b="1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7" name="Footer Placeholder 4" hidden="1"/>
          <p:cNvSpPr>
            <a:spLocks noGrp="1"/>
          </p:cNvSpPr>
          <p:nvPr>
            <p:ph type="ftr" sz="quarter" idx="3"/>
          </p:nvPr>
        </p:nvSpPr>
        <p:spPr>
          <a:xfrm>
            <a:off x="0" y="70644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23" name="TextBox 22"/>
          <p:cNvSpPr txBox="1"/>
          <p:nvPr userDrawn="1"/>
        </p:nvSpPr>
        <p:spPr>
          <a:xfrm>
            <a:off x="-1" y="-300028"/>
            <a:ext cx="1188000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b="1" dirty="0"/>
              <a:t>Bemærk</a:t>
            </a:r>
            <a:r>
              <a:rPr lang="da-DK" sz="1200" dirty="0"/>
              <a:t>: På denne side kan graﬁkken udskiftes. </a:t>
            </a:r>
          </a:p>
        </p:txBody>
      </p:sp>
      <p:pic>
        <p:nvPicPr>
          <p:cNvPr id="25" name="Logo navn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809164" y="398179"/>
            <a:ext cx="1051200" cy="148556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30039226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3487">
          <p15:clr>
            <a:srgbClr val="000000"/>
          </p15:clr>
        </p15:guide>
        <p15:guide id="2" orient="horz" pos="1809">
          <p15:clr>
            <a:srgbClr val="000000"/>
          </p15:clr>
        </p15:guide>
      </p15:sldGuideLst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ger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ast overskrift"/>
          <p:cNvSpPr txBox="1"/>
          <p:nvPr userDrawn="1"/>
        </p:nvSpPr>
        <p:spPr>
          <a:xfrm>
            <a:off x="1539875" y="539750"/>
            <a:ext cx="11109325" cy="65017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da-DK" sz="32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erguide - Slet før anvendelse</a:t>
            </a:r>
          </a:p>
        </p:txBody>
      </p:sp>
      <p:sp>
        <p:nvSpPr>
          <p:cNvPr id="29" name="Text Box 2"/>
          <p:cNvSpPr txBox="1">
            <a:spLocks noChangeArrowheads="1"/>
          </p:cNvSpPr>
          <p:nvPr userDrawn="1"/>
        </p:nvSpPr>
        <p:spPr bwMode="auto">
          <a:xfrm>
            <a:off x="1539879" y="1833789"/>
            <a:ext cx="2280360" cy="432426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sz="10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 tekst typografier</a:t>
            </a:r>
            <a:endParaRPr lang="da-DK" sz="10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AB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frem i tekst-niveauer. 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dereft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skifte fra et niveau til et næst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tilbage i tekst-niveauer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+TAB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ernativt kan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øg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mindsk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listeniveau bruges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layouts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menupunktet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yt Slide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t indsætte nyt sli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3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dit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værende layout til et alternativt</a:t>
            </a:r>
          </a:p>
          <a:p>
            <a:pPr fontAlgn="auto">
              <a:spcBef>
                <a:spcPts val="120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nulstille placering, størrelse og formatering af pladsholdere til layoutets oprindelige design </a:t>
            </a:r>
          </a:p>
          <a:p>
            <a:pPr eaLnBrk="1" hangingPunct="1">
              <a:spcAft>
                <a:spcPts val="600"/>
              </a:spcAft>
              <a:defRPr/>
            </a:pP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endParaRPr 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1" name="Text Box 3"/>
          <p:cNvSpPr txBox="1">
            <a:spLocks noChangeArrowheads="1"/>
          </p:cNvSpPr>
          <p:nvPr userDrawn="1"/>
        </p:nvSpPr>
        <p:spPr bwMode="auto">
          <a:xfrm>
            <a:off x="5561942" y="1833789"/>
            <a:ext cx="2160798" cy="250837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å slides med billedpladsholder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ikonet og 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ets fokus/størrels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Ønsker du at skalere billedet, så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nede, mens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u trækker i billedets hjørn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vis du sletter billedet og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ter et nyt, kan billedet lægg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g foran tekst og grafik. Hvis dette sker, højreklik på billedet og 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 bagest</a:t>
            </a:r>
          </a:p>
        </p:txBody>
      </p:sp>
      <p:sp>
        <p:nvSpPr>
          <p:cNvPr id="25" name="Text Box 4"/>
          <p:cNvSpPr txBox="1">
            <a:spLocks noChangeArrowheads="1"/>
          </p:cNvSpPr>
          <p:nvPr userDrawn="1"/>
        </p:nvSpPr>
        <p:spPr bwMode="auto">
          <a:xfrm>
            <a:off x="9290830" y="1815926"/>
            <a:ext cx="2358243" cy="350865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justere sidenummerering, </a:t>
            </a:r>
            <a:b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o og sidefod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ør dette som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det sidste i din præsentation, så det slår igennem på alle slides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dehoved og Sidefod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/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indtast evt. tekst i sidefod)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 på alle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hvis det kun skal være på et enkelt slide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se 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sæt hak ve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Alt + F9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hurtig visning af hjælpelinjer</a:t>
            </a: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28" name="1 Forøg formindsk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700676" y="2877130"/>
            <a:ext cx="549328" cy="285228"/>
          </a:xfrm>
          <a:prstGeom prst="rect">
            <a:avLst/>
          </a:prstGeom>
        </p:spPr>
      </p:pic>
      <p:pic>
        <p:nvPicPr>
          <p:cNvPr id="20" name="2 Ny slide"/>
          <p:cNvPicPr>
            <a:picLocks noChangeAspect="1"/>
          </p:cNvPicPr>
          <p:nvPr userDrawn="1"/>
        </p:nvPicPr>
        <p:blipFill rotWithShape="1">
          <a:blip r:embed="rId2"/>
          <a:srcRect l="2931" r="60888"/>
          <a:stretch/>
        </p:blipFill>
        <p:spPr>
          <a:xfrm>
            <a:off x="3714595" y="3538594"/>
            <a:ext cx="363713" cy="647461"/>
          </a:xfrm>
          <a:prstGeom prst="rect">
            <a:avLst/>
          </a:prstGeom>
        </p:spPr>
      </p:pic>
      <p:pic>
        <p:nvPicPr>
          <p:cNvPr id="16" name="3 Layout"/>
          <p:cNvPicPr>
            <a:picLocks noChangeAspect="1"/>
          </p:cNvPicPr>
          <p:nvPr userDrawn="1"/>
        </p:nvPicPr>
        <p:blipFill rotWithShape="1">
          <a:blip r:embed="rId2"/>
          <a:srcRect l="36944" r="2272" b="69429"/>
          <a:stretch/>
        </p:blipFill>
        <p:spPr>
          <a:xfrm>
            <a:off x="3730060" y="4208198"/>
            <a:ext cx="593368" cy="192211"/>
          </a:xfrm>
          <a:prstGeom prst="rect">
            <a:avLst/>
          </a:prstGeom>
        </p:spPr>
      </p:pic>
      <p:pic>
        <p:nvPicPr>
          <p:cNvPr id="24" name="4 Nulstil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702763" y="5318642"/>
            <a:ext cx="547241" cy="197798"/>
          </a:xfrm>
          <a:prstGeom prst="rect">
            <a:avLst/>
          </a:prstGeom>
        </p:spPr>
      </p:pic>
      <p:pic>
        <p:nvPicPr>
          <p:cNvPr id="5" name="5 Indsæt billede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7489164" y="2075087"/>
            <a:ext cx="262151" cy="256054"/>
          </a:xfrm>
          <a:prstGeom prst="rect">
            <a:avLst/>
          </a:prstGeom>
        </p:spPr>
      </p:pic>
      <p:pic>
        <p:nvPicPr>
          <p:cNvPr id="23" name="6 Beskær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7469796" y="2748409"/>
            <a:ext cx="337400" cy="321707"/>
          </a:xfrm>
          <a:prstGeom prst="rect">
            <a:avLst/>
          </a:prstGeom>
        </p:spPr>
      </p:pic>
      <p:pic>
        <p:nvPicPr>
          <p:cNvPr id="2" name="7 Skalér billede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7447501" y="3242399"/>
            <a:ext cx="359695" cy="33530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4325284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slide, billede, rø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0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61600"/>
          </a:xfrm>
          <a:solidFill>
            <a:schemeClr val="bg1">
              <a:lumMod val="85000"/>
            </a:schemeClr>
          </a:solidFill>
        </p:spPr>
        <p:txBody>
          <a:bodyPr lIns="144000" tIns="0" bIns="180000" anchor="b" anchorCtr="0"/>
          <a:lstStyle>
            <a:lvl1pPr marL="0" indent="0" algn="l">
              <a:buNone/>
              <a:defRPr sz="1600"/>
            </a:lvl1pPr>
          </a:lstStyle>
          <a:p>
            <a:r>
              <a:rPr lang="da-DK" dirty="0"/>
              <a:t>Klik på denne pladsholder og indsæt billede via Skyfish</a:t>
            </a:r>
          </a:p>
        </p:txBody>
      </p:sp>
      <p:sp>
        <p:nvSpPr>
          <p:cNvPr id="19" name="Titel 1"/>
          <p:cNvSpPr>
            <a:spLocks noGrp="1"/>
          </p:cNvSpPr>
          <p:nvPr>
            <p:ph type="ctrTitle"/>
          </p:nvPr>
        </p:nvSpPr>
        <p:spPr>
          <a:xfrm>
            <a:off x="1539875" y="235732"/>
            <a:ext cx="5112000" cy="5115107"/>
          </a:xfrm>
          <a:custGeom>
            <a:avLst/>
            <a:gdLst>
              <a:gd name="connsiteX0" fmla="*/ 0 w 5112000"/>
              <a:gd name="connsiteY0" fmla="*/ 0 h 5115107"/>
              <a:gd name="connsiteX1" fmla="*/ 464430 w 5112000"/>
              <a:gd name="connsiteY1" fmla="*/ 0 h 5115107"/>
              <a:gd name="connsiteX2" fmla="*/ 899842 w 5112000"/>
              <a:gd name="connsiteY2" fmla="*/ 0 h 5115107"/>
              <a:gd name="connsiteX3" fmla="*/ 1307173 w 5112000"/>
              <a:gd name="connsiteY3" fmla="*/ 0 h 5115107"/>
              <a:gd name="connsiteX4" fmla="*/ 1687360 w 5112000"/>
              <a:gd name="connsiteY4" fmla="*/ 0 h 5115107"/>
              <a:gd name="connsiteX5" fmla="*/ 2041337 w 5112000"/>
              <a:gd name="connsiteY5" fmla="*/ 0 h 5115107"/>
              <a:gd name="connsiteX6" fmla="*/ 2370041 w 5112000"/>
              <a:gd name="connsiteY6" fmla="*/ 0 h 5115107"/>
              <a:gd name="connsiteX7" fmla="*/ 2674409 w 5112000"/>
              <a:gd name="connsiteY7" fmla="*/ 0 h 5115107"/>
              <a:gd name="connsiteX8" fmla="*/ 2955375 w 5112000"/>
              <a:gd name="connsiteY8" fmla="*/ 0 h 5115107"/>
              <a:gd name="connsiteX9" fmla="*/ 3213877 w 5112000"/>
              <a:gd name="connsiteY9" fmla="*/ 0 h 5115107"/>
              <a:gd name="connsiteX10" fmla="*/ 3450850 w 5112000"/>
              <a:gd name="connsiteY10" fmla="*/ 0 h 5115107"/>
              <a:gd name="connsiteX11" fmla="*/ 3667230 w 5112000"/>
              <a:gd name="connsiteY11" fmla="*/ 0 h 5115107"/>
              <a:gd name="connsiteX12" fmla="*/ 3863953 w 5112000"/>
              <a:gd name="connsiteY12" fmla="*/ 0 h 5115107"/>
              <a:gd name="connsiteX13" fmla="*/ 4041956 w 5112000"/>
              <a:gd name="connsiteY13" fmla="*/ 0 h 5115107"/>
              <a:gd name="connsiteX14" fmla="*/ 4202174 w 5112000"/>
              <a:gd name="connsiteY14" fmla="*/ 0 h 5115107"/>
              <a:gd name="connsiteX15" fmla="*/ 4345543 w 5112000"/>
              <a:gd name="connsiteY15" fmla="*/ 0 h 5115107"/>
              <a:gd name="connsiteX16" fmla="*/ 4473000 w 5112000"/>
              <a:gd name="connsiteY16" fmla="*/ 0 h 5115107"/>
              <a:gd name="connsiteX17" fmla="*/ 4585480 w 5112000"/>
              <a:gd name="connsiteY17" fmla="*/ 0 h 5115107"/>
              <a:gd name="connsiteX18" fmla="*/ 4683920 w 5112000"/>
              <a:gd name="connsiteY18" fmla="*/ 0 h 5115107"/>
              <a:gd name="connsiteX19" fmla="*/ 4769255 w 5112000"/>
              <a:gd name="connsiteY19" fmla="*/ 0 h 5115107"/>
              <a:gd name="connsiteX20" fmla="*/ 4842422 w 5112000"/>
              <a:gd name="connsiteY20" fmla="*/ 0 h 5115107"/>
              <a:gd name="connsiteX21" fmla="*/ 4904356 w 5112000"/>
              <a:gd name="connsiteY21" fmla="*/ 0 h 5115107"/>
              <a:gd name="connsiteX22" fmla="*/ 4955994 w 5112000"/>
              <a:gd name="connsiteY22" fmla="*/ 0 h 5115107"/>
              <a:gd name="connsiteX23" fmla="*/ 4998272 w 5112000"/>
              <a:gd name="connsiteY23" fmla="*/ 0 h 5115107"/>
              <a:gd name="connsiteX24" fmla="*/ 5032125 w 5112000"/>
              <a:gd name="connsiteY24" fmla="*/ 0 h 5115107"/>
              <a:gd name="connsiteX25" fmla="*/ 5078303 w 5112000"/>
              <a:gd name="connsiteY25" fmla="*/ 0 h 5115107"/>
              <a:gd name="connsiteX26" fmla="*/ 5102016 w 5112000"/>
              <a:gd name="connsiteY26" fmla="*/ 0 h 5115107"/>
              <a:gd name="connsiteX27" fmla="*/ 5110752 w 5112000"/>
              <a:gd name="connsiteY27" fmla="*/ 0 h 5115107"/>
              <a:gd name="connsiteX28" fmla="*/ 5112000 w 5112000"/>
              <a:gd name="connsiteY28" fmla="*/ 0 h 5115107"/>
              <a:gd name="connsiteX29" fmla="*/ 5112000 w 5112000"/>
              <a:gd name="connsiteY29" fmla="*/ 402943 h 5115107"/>
              <a:gd name="connsiteX30" fmla="*/ 5112000 w 5112000"/>
              <a:gd name="connsiteY30" fmla="*/ 780710 h 5115107"/>
              <a:gd name="connsiteX31" fmla="*/ 5112000 w 5112000"/>
              <a:gd name="connsiteY31" fmla="*/ 1134114 h 5115107"/>
              <a:gd name="connsiteX32" fmla="*/ 5112000 w 5112000"/>
              <a:gd name="connsiteY32" fmla="*/ 1463966 h 5115107"/>
              <a:gd name="connsiteX33" fmla="*/ 5112000 w 5112000"/>
              <a:gd name="connsiteY33" fmla="*/ 1771080 h 5115107"/>
              <a:gd name="connsiteX34" fmla="*/ 5112000 w 5112000"/>
              <a:gd name="connsiteY34" fmla="*/ 2056266 h 5115107"/>
              <a:gd name="connsiteX35" fmla="*/ 5112000 w 5112000"/>
              <a:gd name="connsiteY35" fmla="*/ 2320338 h 5115107"/>
              <a:gd name="connsiteX36" fmla="*/ 5112000 w 5112000"/>
              <a:gd name="connsiteY36" fmla="*/ 2564106 h 5115107"/>
              <a:gd name="connsiteX37" fmla="*/ 5112000 w 5112000"/>
              <a:gd name="connsiteY37" fmla="*/ 2788385 h 5115107"/>
              <a:gd name="connsiteX38" fmla="*/ 5112000 w 5112000"/>
              <a:gd name="connsiteY38" fmla="*/ 2993984 h 5115107"/>
              <a:gd name="connsiteX39" fmla="*/ 5112000 w 5112000"/>
              <a:gd name="connsiteY39" fmla="*/ 3181717 h 5115107"/>
              <a:gd name="connsiteX40" fmla="*/ 5112000 w 5112000"/>
              <a:gd name="connsiteY40" fmla="*/ 3352396 h 5115107"/>
              <a:gd name="connsiteX41" fmla="*/ 5112000 w 5112000"/>
              <a:gd name="connsiteY41" fmla="*/ 3506832 h 5115107"/>
              <a:gd name="connsiteX42" fmla="*/ 5112000 w 5112000"/>
              <a:gd name="connsiteY42" fmla="*/ 3645839 h 5115107"/>
              <a:gd name="connsiteX43" fmla="*/ 5112000 w 5112000"/>
              <a:gd name="connsiteY43" fmla="*/ 3770227 h 5115107"/>
              <a:gd name="connsiteX44" fmla="*/ 5112000 w 5112000"/>
              <a:gd name="connsiteY44" fmla="*/ 3880810 h 5115107"/>
              <a:gd name="connsiteX45" fmla="*/ 5112000 w 5112000"/>
              <a:gd name="connsiteY45" fmla="*/ 3978398 h 5115107"/>
              <a:gd name="connsiteX46" fmla="*/ 5112000 w 5112000"/>
              <a:gd name="connsiteY46" fmla="*/ 4063806 h 5115107"/>
              <a:gd name="connsiteX47" fmla="*/ 5112000 w 5112000"/>
              <a:gd name="connsiteY47" fmla="*/ 4137843 h 5115107"/>
              <a:gd name="connsiteX48" fmla="*/ 5112000 w 5112000"/>
              <a:gd name="connsiteY48" fmla="*/ 4201323 h 5115107"/>
              <a:gd name="connsiteX49" fmla="*/ 5112000 w 5112000"/>
              <a:gd name="connsiteY49" fmla="*/ 4255058 h 5115107"/>
              <a:gd name="connsiteX50" fmla="*/ 5112000 w 5112000"/>
              <a:gd name="connsiteY50" fmla="*/ 4299859 h 5115107"/>
              <a:gd name="connsiteX51" fmla="*/ 5112000 w 5112000"/>
              <a:gd name="connsiteY51" fmla="*/ 4336540 h 5115107"/>
              <a:gd name="connsiteX52" fmla="*/ 5112000 w 5112000"/>
              <a:gd name="connsiteY52" fmla="*/ 4365911 h 5115107"/>
              <a:gd name="connsiteX53" fmla="*/ 5112000 w 5112000"/>
              <a:gd name="connsiteY53" fmla="*/ 4405975 h 5115107"/>
              <a:gd name="connsiteX54" fmla="*/ 5112000 w 5112000"/>
              <a:gd name="connsiteY54" fmla="*/ 4426549 h 5115107"/>
              <a:gd name="connsiteX55" fmla="*/ 5112000 w 5112000"/>
              <a:gd name="connsiteY55" fmla="*/ 4434128 h 5115107"/>
              <a:gd name="connsiteX56" fmla="*/ 5112000 w 5112000"/>
              <a:gd name="connsiteY56" fmla="*/ 4435211 h 5115107"/>
              <a:gd name="connsiteX57" fmla="*/ 4432517 w 5112000"/>
              <a:gd name="connsiteY57" fmla="*/ 5115107 h 5115107"/>
              <a:gd name="connsiteX58" fmla="*/ 0 w 5112000"/>
              <a:gd name="connsiteY58" fmla="*/ 5115107 h 511510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5112000" h="5115107">
                <a:moveTo>
                  <a:pt x="0" y="0"/>
                </a:moveTo>
                <a:lnTo>
                  <a:pt x="464430" y="0"/>
                </a:lnTo>
                <a:lnTo>
                  <a:pt x="899842" y="0"/>
                </a:lnTo>
                <a:lnTo>
                  <a:pt x="1307173" y="0"/>
                </a:lnTo>
                <a:lnTo>
                  <a:pt x="1687360" y="0"/>
                </a:lnTo>
                <a:lnTo>
                  <a:pt x="2041337" y="0"/>
                </a:lnTo>
                <a:lnTo>
                  <a:pt x="2370041" y="0"/>
                </a:lnTo>
                <a:lnTo>
                  <a:pt x="2674409" y="0"/>
                </a:lnTo>
                <a:lnTo>
                  <a:pt x="2955375" y="0"/>
                </a:lnTo>
                <a:lnTo>
                  <a:pt x="3213877" y="0"/>
                </a:lnTo>
                <a:lnTo>
                  <a:pt x="3450850" y="0"/>
                </a:lnTo>
                <a:lnTo>
                  <a:pt x="3667230" y="0"/>
                </a:lnTo>
                <a:lnTo>
                  <a:pt x="3863953" y="0"/>
                </a:lnTo>
                <a:lnTo>
                  <a:pt x="4041956" y="0"/>
                </a:lnTo>
                <a:lnTo>
                  <a:pt x="4202174" y="0"/>
                </a:lnTo>
                <a:lnTo>
                  <a:pt x="4345543" y="0"/>
                </a:lnTo>
                <a:lnTo>
                  <a:pt x="4473000" y="0"/>
                </a:lnTo>
                <a:lnTo>
                  <a:pt x="4585480" y="0"/>
                </a:lnTo>
                <a:lnTo>
                  <a:pt x="4683920" y="0"/>
                </a:lnTo>
                <a:lnTo>
                  <a:pt x="4769255" y="0"/>
                </a:lnTo>
                <a:lnTo>
                  <a:pt x="4842422" y="0"/>
                </a:lnTo>
                <a:lnTo>
                  <a:pt x="4904356" y="0"/>
                </a:lnTo>
                <a:lnTo>
                  <a:pt x="4955994" y="0"/>
                </a:lnTo>
                <a:lnTo>
                  <a:pt x="4998272" y="0"/>
                </a:lnTo>
                <a:lnTo>
                  <a:pt x="5032125" y="0"/>
                </a:lnTo>
                <a:lnTo>
                  <a:pt x="5078303" y="0"/>
                </a:lnTo>
                <a:lnTo>
                  <a:pt x="5102016" y="0"/>
                </a:lnTo>
                <a:lnTo>
                  <a:pt x="5110752" y="0"/>
                </a:lnTo>
                <a:lnTo>
                  <a:pt x="5112000" y="0"/>
                </a:lnTo>
                <a:lnTo>
                  <a:pt x="5112000" y="402943"/>
                </a:lnTo>
                <a:lnTo>
                  <a:pt x="5112000" y="780710"/>
                </a:lnTo>
                <a:lnTo>
                  <a:pt x="5112000" y="1134114"/>
                </a:lnTo>
                <a:lnTo>
                  <a:pt x="5112000" y="1463966"/>
                </a:lnTo>
                <a:lnTo>
                  <a:pt x="5112000" y="1771080"/>
                </a:lnTo>
                <a:lnTo>
                  <a:pt x="5112000" y="2056266"/>
                </a:lnTo>
                <a:lnTo>
                  <a:pt x="5112000" y="2320338"/>
                </a:lnTo>
                <a:lnTo>
                  <a:pt x="5112000" y="2564106"/>
                </a:lnTo>
                <a:lnTo>
                  <a:pt x="5112000" y="2788385"/>
                </a:lnTo>
                <a:lnTo>
                  <a:pt x="5112000" y="2993984"/>
                </a:lnTo>
                <a:lnTo>
                  <a:pt x="5112000" y="3181717"/>
                </a:lnTo>
                <a:lnTo>
                  <a:pt x="5112000" y="3352396"/>
                </a:lnTo>
                <a:lnTo>
                  <a:pt x="5112000" y="3506832"/>
                </a:lnTo>
                <a:lnTo>
                  <a:pt x="5112000" y="3645839"/>
                </a:lnTo>
                <a:lnTo>
                  <a:pt x="5112000" y="3770227"/>
                </a:lnTo>
                <a:lnTo>
                  <a:pt x="5112000" y="3880810"/>
                </a:lnTo>
                <a:lnTo>
                  <a:pt x="5112000" y="3978398"/>
                </a:lnTo>
                <a:lnTo>
                  <a:pt x="5112000" y="4063806"/>
                </a:lnTo>
                <a:lnTo>
                  <a:pt x="5112000" y="4137843"/>
                </a:lnTo>
                <a:lnTo>
                  <a:pt x="5112000" y="4201323"/>
                </a:lnTo>
                <a:lnTo>
                  <a:pt x="5112000" y="4255058"/>
                </a:lnTo>
                <a:lnTo>
                  <a:pt x="5112000" y="4299859"/>
                </a:lnTo>
                <a:lnTo>
                  <a:pt x="5112000" y="4336540"/>
                </a:lnTo>
                <a:lnTo>
                  <a:pt x="5112000" y="4365911"/>
                </a:lnTo>
                <a:lnTo>
                  <a:pt x="5112000" y="4405975"/>
                </a:lnTo>
                <a:lnTo>
                  <a:pt x="5112000" y="4426549"/>
                </a:lnTo>
                <a:lnTo>
                  <a:pt x="5112000" y="4434128"/>
                </a:lnTo>
                <a:lnTo>
                  <a:pt x="5112000" y="4435211"/>
                </a:lnTo>
                <a:cubicBezTo>
                  <a:pt x="4848462" y="4698909"/>
                  <a:pt x="4699230" y="4848232"/>
                  <a:pt x="4432517" y="5115107"/>
                </a:cubicBezTo>
                <a:cubicBezTo>
                  <a:pt x="0" y="5115107"/>
                  <a:pt x="0" y="5115107"/>
                  <a:pt x="0" y="5115107"/>
                </a:cubicBezTo>
                <a:close/>
              </a:path>
            </a:pathLst>
          </a:custGeom>
          <a:solidFill>
            <a:schemeClr val="accent1"/>
          </a:solidFill>
        </p:spPr>
        <p:txBody>
          <a:bodyPr wrap="square" lIns="302400" tIns="216000" rIns="302400" bIns="2520000" anchor="t" anchorCtr="0">
            <a:noAutofit/>
          </a:bodyPr>
          <a:lstStyle>
            <a:lvl1pPr algn="l">
              <a:defRPr sz="3400">
                <a:solidFill>
                  <a:schemeClr val="bg2"/>
                </a:solidFill>
              </a:defRPr>
            </a:lvl1pPr>
          </a:lstStyle>
          <a:p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itle</a:t>
            </a:r>
            <a:r>
              <a:rPr lang="da-DK" dirty="0"/>
              <a:t>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39875" y="2433866"/>
            <a:ext cx="5112000" cy="1655762"/>
          </a:xfrm>
        </p:spPr>
        <p:txBody>
          <a:bodyPr lIns="302400" rIns="30240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>
                <a:solidFill>
                  <a:schemeClr val="bg2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subtitle</a:t>
            </a:r>
            <a:r>
              <a:rPr lang="da-DK" dirty="0"/>
              <a:t> style</a:t>
            </a:r>
          </a:p>
        </p:txBody>
      </p:sp>
      <p:sp>
        <p:nvSpPr>
          <p:cNvPr id="15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1539876" y="4387554"/>
            <a:ext cx="4437178" cy="391432"/>
          </a:xfrm>
        </p:spPr>
        <p:txBody>
          <a:bodyPr lIns="302400" anchor="b" anchorCtr="0"/>
          <a:lstStyle>
            <a:lvl1pPr marL="0" indent="0" rtl="0">
              <a:lnSpc>
                <a:spcPct val="104000"/>
              </a:lnSpc>
              <a:buNone/>
              <a:defRPr sz="1600">
                <a:solidFill>
                  <a:schemeClr val="bg2"/>
                </a:solidFill>
              </a:defRPr>
            </a:lvl1pPr>
          </a:lstStyle>
          <a:p>
            <a:pPr lvl="0"/>
            <a:r>
              <a:rPr lang="da-DK" dirty="0"/>
              <a:t>Indsæt navn og efternavn</a:t>
            </a:r>
          </a:p>
        </p:txBody>
      </p:sp>
      <p:sp>
        <p:nvSpPr>
          <p:cNvPr id="16" name="Placeholder logo"/>
          <p:cNvSpPr>
            <a:spLocks noGrp="1"/>
          </p:cNvSpPr>
          <p:nvPr>
            <p:ph type="body" sz="quarter" idx="19" hasCustomPrompt="1"/>
          </p:nvPr>
        </p:nvSpPr>
        <p:spPr>
          <a:xfrm>
            <a:off x="10809164" y="398179"/>
            <a:ext cx="1051200" cy="14868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en-US" dirty="0"/>
              <a:t>.</a:t>
            </a:r>
            <a:endParaRPr lang="da-DK" dirty="0"/>
          </a:p>
        </p:txBody>
      </p:sp>
      <p:sp>
        <p:nvSpPr>
          <p:cNvPr id="11" name="TextBox 10"/>
          <p:cNvSpPr txBox="1"/>
          <p:nvPr userDrawn="1"/>
        </p:nvSpPr>
        <p:spPr>
          <a:xfrm>
            <a:off x="-1" y="-300028"/>
            <a:ext cx="1188000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b="1" dirty="0"/>
              <a:t>Bemærk</a:t>
            </a:r>
            <a:r>
              <a:rPr lang="da-DK" sz="1200" dirty="0"/>
              <a:t>: Tekstboksen kan ﬂyttes rundt ift. billedet, vælg boksen</a:t>
            </a:r>
            <a:r>
              <a:rPr lang="da-DK" sz="1200" baseline="0" dirty="0"/>
              <a:t> og al teksten i boksen</a:t>
            </a:r>
            <a:r>
              <a:rPr lang="da-DK" sz="1200" dirty="0"/>
              <a:t>. Farven på tekst og tekstboks kan ændres til hvid/rød/grå.</a:t>
            </a:r>
          </a:p>
        </p:txBody>
      </p:sp>
      <p:sp>
        <p:nvSpPr>
          <p:cNvPr id="12" name="Date_DateCustomA"/>
          <p:cNvSpPr>
            <a:spLocks noGrp="1"/>
          </p:cNvSpPr>
          <p:nvPr>
            <p:ph type="dt" sz="half" idx="10"/>
          </p:nvPr>
        </p:nvSpPr>
        <p:spPr>
          <a:xfrm>
            <a:off x="1539875" y="4840650"/>
            <a:ext cx="4438460" cy="180000"/>
          </a:xfrm>
          <a:prstGeom prst="rect">
            <a:avLst/>
          </a:prstGeom>
        </p:spPr>
        <p:txBody>
          <a:bodyPr lIns="302400"/>
          <a:lstStyle>
            <a:lvl1pPr rtl="0">
              <a:defRPr sz="1600">
                <a:solidFill>
                  <a:schemeClr val="bg2"/>
                </a:solidFill>
              </a:defRPr>
            </a:lvl1pPr>
          </a:lstStyle>
          <a:p>
            <a:fld id="{A564B39A-844A-43C5-9F2D-26F589F9F649}" type="datetime2">
              <a:rPr lang="da-DK" smtClean="0"/>
              <a:pPr/>
              <a:t>22. november 2017</a:t>
            </a:fld>
            <a:endParaRPr lang="da-DK" dirty="0"/>
          </a:p>
        </p:txBody>
      </p:sp>
      <p:sp>
        <p:nvSpPr>
          <p:cNvPr id="13" name="Slide Number Placeholder 5" hidden="1"/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r" defTabSz="914400" rtl="0" eaLnBrk="1" latinLnBrk="0" hangingPunct="1">
              <a:defRPr sz="100" b="1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rtl="0"/>
            <a:fld id="{24C8C45C-947F-4981-8B3F-4F32E973C901}" type="slidenum">
              <a:rPr lang="da-DK" smtClean="0"/>
              <a:pPr rtl="0"/>
              <a:t>‹nr.›</a:t>
            </a:fld>
            <a:endParaRPr lang="da-DK" dirty="0"/>
          </a:p>
        </p:txBody>
      </p:sp>
      <p:sp>
        <p:nvSpPr>
          <p:cNvPr id="14" name="Footer Placeholder 4" hidden="1"/>
          <p:cNvSpPr>
            <a:spLocks noGrp="1"/>
          </p:cNvSpPr>
          <p:nvPr>
            <p:ph type="ftr" sz="quarter" idx="3"/>
          </p:nvPr>
        </p:nvSpPr>
        <p:spPr>
          <a:xfrm>
            <a:off x="0" y="70644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 rtl="0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8" name="Rectangle 17"/>
          <p:cNvSpPr/>
          <p:nvPr userDrawn="1"/>
        </p:nvSpPr>
        <p:spPr>
          <a:xfrm>
            <a:off x="9154950" y="-300028"/>
            <a:ext cx="160500" cy="1605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0" name="Rectangle 19"/>
          <p:cNvSpPr/>
          <p:nvPr userDrawn="1"/>
        </p:nvSpPr>
        <p:spPr>
          <a:xfrm>
            <a:off x="9353603" y="-300028"/>
            <a:ext cx="160500" cy="160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1" name="Rectangle 20"/>
          <p:cNvSpPr/>
          <p:nvPr userDrawn="1"/>
        </p:nvSpPr>
        <p:spPr>
          <a:xfrm>
            <a:off x="9552256" y="-300028"/>
            <a:ext cx="160500" cy="1605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</p:spTree>
    <p:extLst>
      <p:ext uri="{BB962C8B-B14F-4D97-AF65-F5344CB8AC3E}">
        <p14:creationId xmlns:p14="http://schemas.microsoft.com/office/powerpoint/2010/main" val="228407695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slide, billede, hvi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0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61600"/>
          </a:xfrm>
          <a:solidFill>
            <a:schemeClr val="bg1">
              <a:lumMod val="85000"/>
            </a:schemeClr>
          </a:solidFill>
        </p:spPr>
        <p:txBody>
          <a:bodyPr lIns="144000" tIns="0" bIns="180000" anchor="b" anchorCtr="0"/>
          <a:lstStyle>
            <a:lvl1pPr marL="0" indent="0" algn="l">
              <a:buNone/>
              <a:defRPr sz="1600"/>
            </a:lvl1pPr>
          </a:lstStyle>
          <a:p>
            <a:r>
              <a:rPr lang="da-DK" dirty="0"/>
              <a:t>Klik på denne pladsholder og indsæt billede via Skyfish</a:t>
            </a:r>
          </a:p>
        </p:txBody>
      </p:sp>
      <p:sp>
        <p:nvSpPr>
          <p:cNvPr id="19" name="Titel 1"/>
          <p:cNvSpPr>
            <a:spLocks noGrp="1"/>
          </p:cNvSpPr>
          <p:nvPr>
            <p:ph type="ctrTitle"/>
          </p:nvPr>
        </p:nvSpPr>
        <p:spPr>
          <a:xfrm>
            <a:off x="1539875" y="235732"/>
            <a:ext cx="5112000" cy="5115107"/>
          </a:xfrm>
          <a:custGeom>
            <a:avLst/>
            <a:gdLst>
              <a:gd name="connsiteX0" fmla="*/ 0 w 5112000"/>
              <a:gd name="connsiteY0" fmla="*/ 0 h 5115107"/>
              <a:gd name="connsiteX1" fmla="*/ 464430 w 5112000"/>
              <a:gd name="connsiteY1" fmla="*/ 0 h 5115107"/>
              <a:gd name="connsiteX2" fmla="*/ 899842 w 5112000"/>
              <a:gd name="connsiteY2" fmla="*/ 0 h 5115107"/>
              <a:gd name="connsiteX3" fmla="*/ 1307173 w 5112000"/>
              <a:gd name="connsiteY3" fmla="*/ 0 h 5115107"/>
              <a:gd name="connsiteX4" fmla="*/ 1687360 w 5112000"/>
              <a:gd name="connsiteY4" fmla="*/ 0 h 5115107"/>
              <a:gd name="connsiteX5" fmla="*/ 2041337 w 5112000"/>
              <a:gd name="connsiteY5" fmla="*/ 0 h 5115107"/>
              <a:gd name="connsiteX6" fmla="*/ 2370041 w 5112000"/>
              <a:gd name="connsiteY6" fmla="*/ 0 h 5115107"/>
              <a:gd name="connsiteX7" fmla="*/ 2674409 w 5112000"/>
              <a:gd name="connsiteY7" fmla="*/ 0 h 5115107"/>
              <a:gd name="connsiteX8" fmla="*/ 2955375 w 5112000"/>
              <a:gd name="connsiteY8" fmla="*/ 0 h 5115107"/>
              <a:gd name="connsiteX9" fmla="*/ 3213877 w 5112000"/>
              <a:gd name="connsiteY9" fmla="*/ 0 h 5115107"/>
              <a:gd name="connsiteX10" fmla="*/ 3450850 w 5112000"/>
              <a:gd name="connsiteY10" fmla="*/ 0 h 5115107"/>
              <a:gd name="connsiteX11" fmla="*/ 3667230 w 5112000"/>
              <a:gd name="connsiteY11" fmla="*/ 0 h 5115107"/>
              <a:gd name="connsiteX12" fmla="*/ 3863953 w 5112000"/>
              <a:gd name="connsiteY12" fmla="*/ 0 h 5115107"/>
              <a:gd name="connsiteX13" fmla="*/ 4041956 w 5112000"/>
              <a:gd name="connsiteY13" fmla="*/ 0 h 5115107"/>
              <a:gd name="connsiteX14" fmla="*/ 4202174 w 5112000"/>
              <a:gd name="connsiteY14" fmla="*/ 0 h 5115107"/>
              <a:gd name="connsiteX15" fmla="*/ 4345543 w 5112000"/>
              <a:gd name="connsiteY15" fmla="*/ 0 h 5115107"/>
              <a:gd name="connsiteX16" fmla="*/ 4473000 w 5112000"/>
              <a:gd name="connsiteY16" fmla="*/ 0 h 5115107"/>
              <a:gd name="connsiteX17" fmla="*/ 4585480 w 5112000"/>
              <a:gd name="connsiteY17" fmla="*/ 0 h 5115107"/>
              <a:gd name="connsiteX18" fmla="*/ 4683920 w 5112000"/>
              <a:gd name="connsiteY18" fmla="*/ 0 h 5115107"/>
              <a:gd name="connsiteX19" fmla="*/ 4769255 w 5112000"/>
              <a:gd name="connsiteY19" fmla="*/ 0 h 5115107"/>
              <a:gd name="connsiteX20" fmla="*/ 4842422 w 5112000"/>
              <a:gd name="connsiteY20" fmla="*/ 0 h 5115107"/>
              <a:gd name="connsiteX21" fmla="*/ 4904356 w 5112000"/>
              <a:gd name="connsiteY21" fmla="*/ 0 h 5115107"/>
              <a:gd name="connsiteX22" fmla="*/ 4955994 w 5112000"/>
              <a:gd name="connsiteY22" fmla="*/ 0 h 5115107"/>
              <a:gd name="connsiteX23" fmla="*/ 4998272 w 5112000"/>
              <a:gd name="connsiteY23" fmla="*/ 0 h 5115107"/>
              <a:gd name="connsiteX24" fmla="*/ 5032125 w 5112000"/>
              <a:gd name="connsiteY24" fmla="*/ 0 h 5115107"/>
              <a:gd name="connsiteX25" fmla="*/ 5078303 w 5112000"/>
              <a:gd name="connsiteY25" fmla="*/ 0 h 5115107"/>
              <a:gd name="connsiteX26" fmla="*/ 5102016 w 5112000"/>
              <a:gd name="connsiteY26" fmla="*/ 0 h 5115107"/>
              <a:gd name="connsiteX27" fmla="*/ 5110752 w 5112000"/>
              <a:gd name="connsiteY27" fmla="*/ 0 h 5115107"/>
              <a:gd name="connsiteX28" fmla="*/ 5112000 w 5112000"/>
              <a:gd name="connsiteY28" fmla="*/ 0 h 5115107"/>
              <a:gd name="connsiteX29" fmla="*/ 5112000 w 5112000"/>
              <a:gd name="connsiteY29" fmla="*/ 402943 h 5115107"/>
              <a:gd name="connsiteX30" fmla="*/ 5112000 w 5112000"/>
              <a:gd name="connsiteY30" fmla="*/ 780710 h 5115107"/>
              <a:gd name="connsiteX31" fmla="*/ 5112000 w 5112000"/>
              <a:gd name="connsiteY31" fmla="*/ 1134114 h 5115107"/>
              <a:gd name="connsiteX32" fmla="*/ 5112000 w 5112000"/>
              <a:gd name="connsiteY32" fmla="*/ 1463966 h 5115107"/>
              <a:gd name="connsiteX33" fmla="*/ 5112000 w 5112000"/>
              <a:gd name="connsiteY33" fmla="*/ 1771080 h 5115107"/>
              <a:gd name="connsiteX34" fmla="*/ 5112000 w 5112000"/>
              <a:gd name="connsiteY34" fmla="*/ 2056266 h 5115107"/>
              <a:gd name="connsiteX35" fmla="*/ 5112000 w 5112000"/>
              <a:gd name="connsiteY35" fmla="*/ 2320338 h 5115107"/>
              <a:gd name="connsiteX36" fmla="*/ 5112000 w 5112000"/>
              <a:gd name="connsiteY36" fmla="*/ 2564106 h 5115107"/>
              <a:gd name="connsiteX37" fmla="*/ 5112000 w 5112000"/>
              <a:gd name="connsiteY37" fmla="*/ 2788385 h 5115107"/>
              <a:gd name="connsiteX38" fmla="*/ 5112000 w 5112000"/>
              <a:gd name="connsiteY38" fmla="*/ 2993984 h 5115107"/>
              <a:gd name="connsiteX39" fmla="*/ 5112000 w 5112000"/>
              <a:gd name="connsiteY39" fmla="*/ 3181717 h 5115107"/>
              <a:gd name="connsiteX40" fmla="*/ 5112000 w 5112000"/>
              <a:gd name="connsiteY40" fmla="*/ 3352396 h 5115107"/>
              <a:gd name="connsiteX41" fmla="*/ 5112000 w 5112000"/>
              <a:gd name="connsiteY41" fmla="*/ 3506832 h 5115107"/>
              <a:gd name="connsiteX42" fmla="*/ 5112000 w 5112000"/>
              <a:gd name="connsiteY42" fmla="*/ 3645839 h 5115107"/>
              <a:gd name="connsiteX43" fmla="*/ 5112000 w 5112000"/>
              <a:gd name="connsiteY43" fmla="*/ 3770227 h 5115107"/>
              <a:gd name="connsiteX44" fmla="*/ 5112000 w 5112000"/>
              <a:gd name="connsiteY44" fmla="*/ 3880810 h 5115107"/>
              <a:gd name="connsiteX45" fmla="*/ 5112000 w 5112000"/>
              <a:gd name="connsiteY45" fmla="*/ 3978398 h 5115107"/>
              <a:gd name="connsiteX46" fmla="*/ 5112000 w 5112000"/>
              <a:gd name="connsiteY46" fmla="*/ 4063806 h 5115107"/>
              <a:gd name="connsiteX47" fmla="*/ 5112000 w 5112000"/>
              <a:gd name="connsiteY47" fmla="*/ 4137843 h 5115107"/>
              <a:gd name="connsiteX48" fmla="*/ 5112000 w 5112000"/>
              <a:gd name="connsiteY48" fmla="*/ 4201323 h 5115107"/>
              <a:gd name="connsiteX49" fmla="*/ 5112000 w 5112000"/>
              <a:gd name="connsiteY49" fmla="*/ 4255058 h 5115107"/>
              <a:gd name="connsiteX50" fmla="*/ 5112000 w 5112000"/>
              <a:gd name="connsiteY50" fmla="*/ 4299859 h 5115107"/>
              <a:gd name="connsiteX51" fmla="*/ 5112000 w 5112000"/>
              <a:gd name="connsiteY51" fmla="*/ 4336540 h 5115107"/>
              <a:gd name="connsiteX52" fmla="*/ 5112000 w 5112000"/>
              <a:gd name="connsiteY52" fmla="*/ 4365911 h 5115107"/>
              <a:gd name="connsiteX53" fmla="*/ 5112000 w 5112000"/>
              <a:gd name="connsiteY53" fmla="*/ 4405975 h 5115107"/>
              <a:gd name="connsiteX54" fmla="*/ 5112000 w 5112000"/>
              <a:gd name="connsiteY54" fmla="*/ 4426549 h 5115107"/>
              <a:gd name="connsiteX55" fmla="*/ 5112000 w 5112000"/>
              <a:gd name="connsiteY55" fmla="*/ 4434128 h 5115107"/>
              <a:gd name="connsiteX56" fmla="*/ 5112000 w 5112000"/>
              <a:gd name="connsiteY56" fmla="*/ 4435211 h 5115107"/>
              <a:gd name="connsiteX57" fmla="*/ 4432517 w 5112000"/>
              <a:gd name="connsiteY57" fmla="*/ 5115107 h 5115107"/>
              <a:gd name="connsiteX58" fmla="*/ 0 w 5112000"/>
              <a:gd name="connsiteY58" fmla="*/ 5115107 h 511510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5112000" h="5115107">
                <a:moveTo>
                  <a:pt x="0" y="0"/>
                </a:moveTo>
                <a:lnTo>
                  <a:pt x="464430" y="0"/>
                </a:lnTo>
                <a:lnTo>
                  <a:pt x="899842" y="0"/>
                </a:lnTo>
                <a:lnTo>
                  <a:pt x="1307173" y="0"/>
                </a:lnTo>
                <a:lnTo>
                  <a:pt x="1687360" y="0"/>
                </a:lnTo>
                <a:lnTo>
                  <a:pt x="2041337" y="0"/>
                </a:lnTo>
                <a:lnTo>
                  <a:pt x="2370041" y="0"/>
                </a:lnTo>
                <a:lnTo>
                  <a:pt x="2674409" y="0"/>
                </a:lnTo>
                <a:lnTo>
                  <a:pt x="2955375" y="0"/>
                </a:lnTo>
                <a:lnTo>
                  <a:pt x="3213877" y="0"/>
                </a:lnTo>
                <a:lnTo>
                  <a:pt x="3450850" y="0"/>
                </a:lnTo>
                <a:lnTo>
                  <a:pt x="3667230" y="0"/>
                </a:lnTo>
                <a:lnTo>
                  <a:pt x="3863953" y="0"/>
                </a:lnTo>
                <a:lnTo>
                  <a:pt x="4041956" y="0"/>
                </a:lnTo>
                <a:lnTo>
                  <a:pt x="4202174" y="0"/>
                </a:lnTo>
                <a:lnTo>
                  <a:pt x="4345543" y="0"/>
                </a:lnTo>
                <a:lnTo>
                  <a:pt x="4473000" y="0"/>
                </a:lnTo>
                <a:lnTo>
                  <a:pt x="4585480" y="0"/>
                </a:lnTo>
                <a:lnTo>
                  <a:pt x="4683920" y="0"/>
                </a:lnTo>
                <a:lnTo>
                  <a:pt x="4769255" y="0"/>
                </a:lnTo>
                <a:lnTo>
                  <a:pt x="4842422" y="0"/>
                </a:lnTo>
                <a:lnTo>
                  <a:pt x="4904356" y="0"/>
                </a:lnTo>
                <a:lnTo>
                  <a:pt x="4955994" y="0"/>
                </a:lnTo>
                <a:lnTo>
                  <a:pt x="4998272" y="0"/>
                </a:lnTo>
                <a:lnTo>
                  <a:pt x="5032125" y="0"/>
                </a:lnTo>
                <a:lnTo>
                  <a:pt x="5078303" y="0"/>
                </a:lnTo>
                <a:lnTo>
                  <a:pt x="5102016" y="0"/>
                </a:lnTo>
                <a:lnTo>
                  <a:pt x="5110752" y="0"/>
                </a:lnTo>
                <a:lnTo>
                  <a:pt x="5112000" y="0"/>
                </a:lnTo>
                <a:lnTo>
                  <a:pt x="5112000" y="402943"/>
                </a:lnTo>
                <a:lnTo>
                  <a:pt x="5112000" y="780710"/>
                </a:lnTo>
                <a:lnTo>
                  <a:pt x="5112000" y="1134114"/>
                </a:lnTo>
                <a:lnTo>
                  <a:pt x="5112000" y="1463966"/>
                </a:lnTo>
                <a:lnTo>
                  <a:pt x="5112000" y="1771080"/>
                </a:lnTo>
                <a:lnTo>
                  <a:pt x="5112000" y="2056266"/>
                </a:lnTo>
                <a:lnTo>
                  <a:pt x="5112000" y="2320338"/>
                </a:lnTo>
                <a:lnTo>
                  <a:pt x="5112000" y="2564106"/>
                </a:lnTo>
                <a:lnTo>
                  <a:pt x="5112000" y="2788385"/>
                </a:lnTo>
                <a:lnTo>
                  <a:pt x="5112000" y="2993984"/>
                </a:lnTo>
                <a:lnTo>
                  <a:pt x="5112000" y="3181717"/>
                </a:lnTo>
                <a:lnTo>
                  <a:pt x="5112000" y="3352396"/>
                </a:lnTo>
                <a:lnTo>
                  <a:pt x="5112000" y="3506832"/>
                </a:lnTo>
                <a:lnTo>
                  <a:pt x="5112000" y="3645839"/>
                </a:lnTo>
                <a:lnTo>
                  <a:pt x="5112000" y="3770227"/>
                </a:lnTo>
                <a:lnTo>
                  <a:pt x="5112000" y="3880810"/>
                </a:lnTo>
                <a:lnTo>
                  <a:pt x="5112000" y="3978398"/>
                </a:lnTo>
                <a:lnTo>
                  <a:pt x="5112000" y="4063806"/>
                </a:lnTo>
                <a:lnTo>
                  <a:pt x="5112000" y="4137843"/>
                </a:lnTo>
                <a:lnTo>
                  <a:pt x="5112000" y="4201323"/>
                </a:lnTo>
                <a:lnTo>
                  <a:pt x="5112000" y="4255058"/>
                </a:lnTo>
                <a:lnTo>
                  <a:pt x="5112000" y="4299859"/>
                </a:lnTo>
                <a:lnTo>
                  <a:pt x="5112000" y="4336540"/>
                </a:lnTo>
                <a:lnTo>
                  <a:pt x="5112000" y="4365911"/>
                </a:lnTo>
                <a:lnTo>
                  <a:pt x="5112000" y="4405975"/>
                </a:lnTo>
                <a:lnTo>
                  <a:pt x="5112000" y="4426549"/>
                </a:lnTo>
                <a:lnTo>
                  <a:pt x="5112000" y="4434128"/>
                </a:lnTo>
                <a:lnTo>
                  <a:pt x="5112000" y="4435211"/>
                </a:lnTo>
                <a:cubicBezTo>
                  <a:pt x="4848462" y="4698909"/>
                  <a:pt x="4699230" y="4848232"/>
                  <a:pt x="4432517" y="5115107"/>
                </a:cubicBezTo>
                <a:cubicBezTo>
                  <a:pt x="0" y="5115107"/>
                  <a:pt x="0" y="5115107"/>
                  <a:pt x="0" y="5115107"/>
                </a:cubicBezTo>
                <a:close/>
              </a:path>
            </a:pathLst>
          </a:custGeom>
          <a:solidFill>
            <a:schemeClr val="accent1"/>
          </a:solidFill>
        </p:spPr>
        <p:txBody>
          <a:bodyPr wrap="square" lIns="302400" tIns="216000" rIns="302400" bIns="2520000" anchor="t" anchorCtr="0">
            <a:noAutofit/>
          </a:bodyPr>
          <a:lstStyle>
            <a:lvl1pPr algn="l">
              <a:defRPr sz="3400">
                <a:solidFill>
                  <a:schemeClr val="bg2"/>
                </a:solidFill>
              </a:defRPr>
            </a:lvl1pPr>
          </a:lstStyle>
          <a:p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itle</a:t>
            </a:r>
            <a:r>
              <a:rPr lang="da-DK" dirty="0"/>
              <a:t>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39875" y="2433866"/>
            <a:ext cx="5112000" cy="1655762"/>
          </a:xfrm>
        </p:spPr>
        <p:txBody>
          <a:bodyPr lIns="302400" rIns="30240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>
                <a:solidFill>
                  <a:schemeClr val="bg2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subtitle</a:t>
            </a:r>
            <a:r>
              <a:rPr lang="da-DK" dirty="0"/>
              <a:t> style</a:t>
            </a:r>
          </a:p>
        </p:txBody>
      </p:sp>
      <p:sp>
        <p:nvSpPr>
          <p:cNvPr id="15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1539876" y="4387554"/>
            <a:ext cx="4437178" cy="391432"/>
          </a:xfrm>
        </p:spPr>
        <p:txBody>
          <a:bodyPr lIns="302400" anchor="b" anchorCtr="0"/>
          <a:lstStyle>
            <a:lvl1pPr marL="0" indent="0" rtl="0">
              <a:lnSpc>
                <a:spcPct val="104000"/>
              </a:lnSpc>
              <a:buNone/>
              <a:defRPr sz="1600">
                <a:solidFill>
                  <a:schemeClr val="bg2"/>
                </a:solidFill>
              </a:defRPr>
            </a:lvl1pPr>
          </a:lstStyle>
          <a:p>
            <a:pPr lvl="0"/>
            <a:r>
              <a:rPr lang="da-DK" dirty="0"/>
              <a:t>Indsæt navn og efternavn</a:t>
            </a:r>
          </a:p>
        </p:txBody>
      </p:sp>
      <p:sp>
        <p:nvSpPr>
          <p:cNvPr id="11" name="TextBox 10"/>
          <p:cNvSpPr txBox="1"/>
          <p:nvPr userDrawn="1"/>
        </p:nvSpPr>
        <p:spPr>
          <a:xfrm>
            <a:off x="-1" y="-300028"/>
            <a:ext cx="1188000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b="1" dirty="0"/>
              <a:t>Bemærk</a:t>
            </a:r>
            <a:r>
              <a:rPr lang="da-DK" sz="1200" dirty="0"/>
              <a:t>: Tekstboksen kan ﬂyttes rundt ift. billedet, vælg boksen</a:t>
            </a:r>
            <a:r>
              <a:rPr lang="da-DK" sz="1200" baseline="0" dirty="0"/>
              <a:t> og al teksten i boksen</a:t>
            </a:r>
            <a:r>
              <a:rPr lang="da-DK" sz="1200" dirty="0"/>
              <a:t>. Farven på tekst og tekstboks kan ændres til hvid/rød/grå.</a:t>
            </a:r>
          </a:p>
        </p:txBody>
      </p:sp>
      <p:sp>
        <p:nvSpPr>
          <p:cNvPr id="12" name="Date_DateCustomA"/>
          <p:cNvSpPr>
            <a:spLocks noGrp="1"/>
          </p:cNvSpPr>
          <p:nvPr>
            <p:ph type="dt" sz="half" idx="10"/>
          </p:nvPr>
        </p:nvSpPr>
        <p:spPr>
          <a:xfrm>
            <a:off x="1539875" y="4840650"/>
            <a:ext cx="4438460" cy="180000"/>
          </a:xfrm>
          <a:prstGeom prst="rect">
            <a:avLst/>
          </a:prstGeom>
        </p:spPr>
        <p:txBody>
          <a:bodyPr lIns="302400"/>
          <a:lstStyle>
            <a:lvl1pPr rtl="0">
              <a:defRPr sz="1600">
                <a:solidFill>
                  <a:schemeClr val="bg2"/>
                </a:solidFill>
              </a:defRPr>
            </a:lvl1pPr>
          </a:lstStyle>
          <a:p>
            <a:fld id="{A564B39A-844A-43C5-9F2D-26F589F9F649}" type="datetime2">
              <a:rPr lang="da-DK" smtClean="0"/>
              <a:pPr/>
              <a:t>22. november 2017</a:t>
            </a:fld>
            <a:endParaRPr lang="da-DK" dirty="0"/>
          </a:p>
        </p:txBody>
      </p:sp>
      <p:sp>
        <p:nvSpPr>
          <p:cNvPr id="13" name="Slide Number Placeholder 5" hidden="1"/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r" defTabSz="914400" rtl="0" eaLnBrk="1" latinLnBrk="0" hangingPunct="1">
              <a:defRPr sz="100" b="1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rtl="0"/>
            <a:fld id="{24C8C45C-947F-4981-8B3F-4F32E973C901}" type="slidenum">
              <a:rPr lang="da-DK" smtClean="0"/>
              <a:pPr rtl="0"/>
              <a:t>‹nr.›</a:t>
            </a:fld>
            <a:endParaRPr lang="da-DK" dirty="0"/>
          </a:p>
        </p:txBody>
      </p:sp>
      <p:sp>
        <p:nvSpPr>
          <p:cNvPr id="14" name="Footer Placeholder 4" hidden="1"/>
          <p:cNvSpPr>
            <a:spLocks noGrp="1"/>
          </p:cNvSpPr>
          <p:nvPr>
            <p:ph type="ftr" sz="quarter" idx="3"/>
          </p:nvPr>
        </p:nvSpPr>
        <p:spPr>
          <a:xfrm>
            <a:off x="0" y="70644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 rtl="0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7" name="Placeholder logo"/>
          <p:cNvSpPr>
            <a:spLocks noGrp="1"/>
          </p:cNvSpPr>
          <p:nvPr>
            <p:ph type="body" sz="quarter" idx="19" hasCustomPrompt="1"/>
          </p:nvPr>
        </p:nvSpPr>
        <p:spPr>
          <a:xfrm>
            <a:off x="10809164" y="398179"/>
            <a:ext cx="1051200" cy="14868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en-US" dirty="0"/>
              <a:t>.</a:t>
            </a:r>
            <a:endParaRPr lang="da-DK" dirty="0"/>
          </a:p>
        </p:txBody>
      </p:sp>
      <p:sp>
        <p:nvSpPr>
          <p:cNvPr id="2" name="Rectangle 1"/>
          <p:cNvSpPr/>
          <p:nvPr userDrawn="1"/>
        </p:nvSpPr>
        <p:spPr>
          <a:xfrm>
            <a:off x="9154950" y="-300028"/>
            <a:ext cx="160500" cy="1605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8" name="Rectangle 17"/>
          <p:cNvSpPr/>
          <p:nvPr userDrawn="1"/>
        </p:nvSpPr>
        <p:spPr>
          <a:xfrm>
            <a:off x="9353603" y="-300028"/>
            <a:ext cx="160500" cy="160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0" name="Rectangle 19"/>
          <p:cNvSpPr/>
          <p:nvPr userDrawn="1"/>
        </p:nvSpPr>
        <p:spPr>
          <a:xfrm>
            <a:off x="9552256" y="-300028"/>
            <a:ext cx="160500" cy="1605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</p:spTree>
    <p:extLst>
      <p:ext uri="{BB962C8B-B14F-4D97-AF65-F5344CB8AC3E}">
        <p14:creationId xmlns:p14="http://schemas.microsoft.com/office/powerpoint/2010/main" val="203727745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2"/>
                </a:solidFill>
              </a:defRPr>
            </a:lvl1pPr>
          </a:lstStyle>
          <a:p>
            <a:r>
              <a:rPr lang="da-DK" dirty="0"/>
              <a:t>Click to edit Master title style</a:t>
            </a:r>
          </a:p>
        </p:txBody>
      </p:sp>
      <p:sp>
        <p:nvSpPr>
          <p:cNvPr id="10" name="Date Placeholder 9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9FE36D3-6D8A-41B0-8F1B-2F75587B4040}" type="datetime2">
              <a:rPr lang="da-DK" smtClean="0"/>
              <a:t>22. november 2017</a:t>
            </a:fld>
            <a:endParaRPr lang="da-DK" dirty="0"/>
          </a:p>
        </p:txBody>
      </p:sp>
      <p:sp>
        <p:nvSpPr>
          <p:cNvPr id="11" name="Footer Placeholder 10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2" name="Slide Number Placeholder 1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2"/>
                </a:solidFill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5" name="Text Placeholder 14"/>
          <p:cNvSpPr>
            <a:spLocks noGrp="1"/>
          </p:cNvSpPr>
          <p:nvPr>
            <p:ph type="body" sz="quarter" idx="13" hasCustomPrompt="1"/>
          </p:nvPr>
        </p:nvSpPr>
        <p:spPr>
          <a:xfrm>
            <a:off x="1539875" y="1987550"/>
            <a:ext cx="690563" cy="4113213"/>
          </a:xfrm>
        </p:spPr>
        <p:txBody>
          <a:bodyPr/>
          <a:lstStyle>
            <a:lvl1pPr marL="0" indent="0">
              <a:buNone/>
              <a:defRPr>
                <a:solidFill>
                  <a:schemeClr val="bg2"/>
                </a:solidFill>
              </a:defRPr>
            </a:lvl1pPr>
            <a:lvl2pPr marL="216000" indent="0">
              <a:buNone/>
              <a:defRPr>
                <a:solidFill>
                  <a:schemeClr val="bg2"/>
                </a:solidFill>
              </a:defRPr>
            </a:lvl2pPr>
            <a:lvl3pPr marL="432000" indent="0">
              <a:buNone/>
              <a:defRPr>
                <a:solidFill>
                  <a:schemeClr val="bg2"/>
                </a:solidFill>
              </a:defRPr>
            </a:lvl3pPr>
            <a:lvl4pPr marL="648000" indent="0">
              <a:buNone/>
              <a:defRPr>
                <a:solidFill>
                  <a:schemeClr val="bg2"/>
                </a:solidFill>
              </a:defRPr>
            </a:lvl4pPr>
            <a:lvl5pPr marL="864000" indent="0">
              <a:buNone/>
              <a:defRPr>
                <a:solidFill>
                  <a:schemeClr val="bg2"/>
                </a:solidFill>
              </a:defRPr>
            </a:lvl5pPr>
          </a:lstStyle>
          <a:p>
            <a:pPr lvl="0"/>
            <a:r>
              <a:rPr lang="da-DK" dirty="0"/>
              <a:t>Indsæt </a:t>
            </a:r>
            <a:r>
              <a:rPr lang="da-DK" dirty="0" err="1"/>
              <a:t>tids-punkt</a:t>
            </a:r>
            <a:r>
              <a:rPr lang="da-DK" dirty="0"/>
              <a:t> som fx 8.00</a:t>
            </a:r>
          </a:p>
        </p:txBody>
      </p:sp>
      <p:sp>
        <p:nvSpPr>
          <p:cNvPr id="16" name="Text Placeholder 14"/>
          <p:cNvSpPr>
            <a:spLocks noGrp="1"/>
          </p:cNvSpPr>
          <p:nvPr>
            <p:ph type="body" sz="quarter" idx="14" hasCustomPrompt="1"/>
          </p:nvPr>
        </p:nvSpPr>
        <p:spPr>
          <a:xfrm>
            <a:off x="2350197" y="1987550"/>
            <a:ext cx="6965253" cy="4113213"/>
          </a:xfrm>
        </p:spPr>
        <p:txBody>
          <a:bodyPr/>
          <a:lstStyle>
            <a:lvl1pPr marL="0" indent="0">
              <a:buNone/>
              <a:defRPr>
                <a:solidFill>
                  <a:schemeClr val="bg2"/>
                </a:solidFill>
              </a:defRPr>
            </a:lvl1pPr>
            <a:lvl2pPr marL="216000" indent="0">
              <a:buNone/>
              <a:defRPr>
                <a:solidFill>
                  <a:schemeClr val="bg2"/>
                </a:solidFill>
              </a:defRPr>
            </a:lvl2pPr>
            <a:lvl3pPr marL="432000" indent="0">
              <a:buNone/>
              <a:defRPr>
                <a:solidFill>
                  <a:schemeClr val="bg2"/>
                </a:solidFill>
              </a:defRPr>
            </a:lvl3pPr>
            <a:lvl4pPr marL="648000" indent="0">
              <a:buNone/>
              <a:defRPr>
                <a:solidFill>
                  <a:schemeClr val="bg2"/>
                </a:solidFill>
              </a:defRPr>
            </a:lvl4pPr>
            <a:lvl5pPr marL="864000" indent="0">
              <a:buNone/>
              <a:defRPr>
                <a:solidFill>
                  <a:schemeClr val="bg2"/>
                </a:solidFill>
              </a:defRPr>
            </a:lvl5pPr>
          </a:lstStyle>
          <a:p>
            <a:pPr lvl="0"/>
            <a:r>
              <a:rPr lang="da-DK" dirty="0"/>
              <a:t>Indsæt agenda</a:t>
            </a:r>
          </a:p>
        </p:txBody>
      </p:sp>
      <p:sp>
        <p:nvSpPr>
          <p:cNvPr id="13" name="TextBox 12"/>
          <p:cNvSpPr txBox="1"/>
          <p:nvPr userDrawn="1"/>
        </p:nvSpPr>
        <p:spPr>
          <a:xfrm>
            <a:off x="-1" y="-300028"/>
            <a:ext cx="1188000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b="1" dirty="0"/>
              <a:t>Bemærk</a:t>
            </a:r>
            <a:r>
              <a:rPr lang="da-DK" sz="1200" dirty="0"/>
              <a:t>: På denne side kan baggrundsfarven ændres til rød/grå.</a:t>
            </a:r>
          </a:p>
        </p:txBody>
      </p:sp>
      <p:pic>
        <p:nvPicPr>
          <p:cNvPr id="14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809164" y="398179"/>
            <a:ext cx="1051199" cy="1485568"/>
          </a:xfrm>
          <a:prstGeom prst="rect">
            <a:avLst/>
          </a:prstGeom>
        </p:spPr>
      </p:pic>
      <p:sp>
        <p:nvSpPr>
          <p:cNvPr id="18" name="Rectangle 17"/>
          <p:cNvSpPr/>
          <p:nvPr userDrawn="1"/>
        </p:nvSpPr>
        <p:spPr>
          <a:xfrm>
            <a:off x="4079074" y="-300028"/>
            <a:ext cx="160500" cy="160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9" name="Rectangle 18"/>
          <p:cNvSpPr/>
          <p:nvPr userDrawn="1"/>
        </p:nvSpPr>
        <p:spPr>
          <a:xfrm>
            <a:off x="4277727" y="-300028"/>
            <a:ext cx="160500" cy="1605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</p:spTree>
    <p:extLst>
      <p:ext uri="{BB962C8B-B14F-4D97-AF65-F5344CB8AC3E}">
        <p14:creationId xmlns:p14="http://schemas.microsoft.com/office/powerpoint/2010/main" val="256876166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itle</a:t>
            </a:r>
            <a:r>
              <a:rPr lang="da-DK" noProof="0" dirty="0"/>
              <a:t>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a-DK" noProof="0" dirty="0"/>
              <a:t>Edit Master </a:t>
            </a:r>
            <a:r>
              <a:rPr lang="da-DK" noProof="0" dirty="0" err="1"/>
              <a:t>text</a:t>
            </a:r>
            <a:r>
              <a:rPr lang="da-DK" noProof="0" dirty="0"/>
              <a:t> styles</a:t>
            </a:r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6A73BF-020B-417D-A09B-710E77019837}" type="datetime2">
              <a:rPr lang="da-DK" smtClean="0"/>
              <a:t>22. november 2017</a:t>
            </a:fld>
            <a:endParaRPr lang="da-DK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0" name="Content Placeholder 4"/>
          <p:cNvSpPr>
            <a:spLocks noGrp="1"/>
          </p:cNvSpPr>
          <p:nvPr>
            <p:ph sz="quarter" idx="17" hasCustomPrompt="1"/>
          </p:nvPr>
        </p:nvSpPr>
        <p:spPr>
          <a:xfrm>
            <a:off x="10864800" y="4204800"/>
            <a:ext cx="1116000" cy="1116000"/>
          </a:xfrm>
        </p:spPr>
        <p:txBody>
          <a:bodyPr/>
          <a:lstStyle>
            <a:lvl1pPr marL="0" indent="0">
              <a:buNone/>
              <a:defRPr sz="1400" b="1"/>
            </a:lvl1pPr>
          </a:lstStyle>
          <a:p>
            <a:pPr lvl="0"/>
            <a:r>
              <a:rPr lang="da-DK" dirty="0"/>
              <a:t>Klik på denne pladsholder og indsæt ikon via Skyfish</a:t>
            </a:r>
          </a:p>
        </p:txBody>
      </p:sp>
      <p:sp>
        <p:nvSpPr>
          <p:cNvPr id="11" name="TextBox 10"/>
          <p:cNvSpPr txBox="1"/>
          <p:nvPr userDrawn="1"/>
        </p:nvSpPr>
        <p:spPr>
          <a:xfrm>
            <a:off x="-1" y="-300028"/>
            <a:ext cx="1188000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b="1" dirty="0"/>
              <a:t>Bemærk</a:t>
            </a:r>
            <a:r>
              <a:rPr lang="da-DK" sz="1200" dirty="0"/>
              <a:t>: På denne side kan man indsætte graﬁkelementer til højre for teksten. </a:t>
            </a:r>
          </a:p>
        </p:txBody>
      </p:sp>
    </p:spTree>
    <p:extLst>
      <p:ext uri="{BB962C8B-B14F-4D97-AF65-F5344CB8AC3E}">
        <p14:creationId xmlns:p14="http://schemas.microsoft.com/office/powerpoint/2010/main" val="115452933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, indhold og faktabok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itle</a:t>
            </a:r>
            <a:r>
              <a:rPr lang="da-DK" dirty="0"/>
              <a:t> style</a:t>
            </a:r>
          </a:p>
        </p:txBody>
      </p:sp>
      <p:sp>
        <p:nvSpPr>
          <p:cNvPr id="10" name="Content Placeholder 2"/>
          <p:cNvSpPr>
            <a:spLocks noGrp="1"/>
          </p:cNvSpPr>
          <p:nvPr>
            <p:ph idx="1"/>
          </p:nvPr>
        </p:nvSpPr>
        <p:spPr>
          <a:xfrm>
            <a:off x="1540801" y="1989056"/>
            <a:ext cx="7776000" cy="4112944"/>
          </a:xfrm>
        </p:spPr>
        <p:txBody>
          <a:bodyPr/>
          <a:lstStyle/>
          <a:p>
            <a:pPr lvl="0"/>
            <a:r>
              <a:rPr lang="da-DK" noProof="0" dirty="0"/>
              <a:t>Edit Master </a:t>
            </a:r>
            <a:r>
              <a:rPr lang="da-DK" noProof="0" dirty="0" err="1"/>
              <a:t>text</a:t>
            </a:r>
            <a:r>
              <a:rPr lang="da-DK" noProof="0" dirty="0"/>
              <a:t> styles</a:t>
            </a:r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15" name="Faktaboks 3"/>
          <p:cNvSpPr>
            <a:spLocks noGrp="1"/>
          </p:cNvSpPr>
          <p:nvPr>
            <p:ph type="body" sz="quarter" idx="13"/>
          </p:nvPr>
        </p:nvSpPr>
        <p:spPr>
          <a:xfrm>
            <a:off x="9532800" y="2872800"/>
            <a:ext cx="2448000" cy="2451102"/>
          </a:xfrm>
          <a:custGeom>
            <a:avLst/>
            <a:gdLst>
              <a:gd name="connsiteX0" fmla="*/ 0 w 2448000"/>
              <a:gd name="connsiteY0" fmla="*/ 0 h 2451102"/>
              <a:gd name="connsiteX1" fmla="*/ 222403 w 2448000"/>
              <a:gd name="connsiteY1" fmla="*/ 0 h 2451102"/>
              <a:gd name="connsiteX2" fmla="*/ 430910 w 2448000"/>
              <a:gd name="connsiteY2" fmla="*/ 0 h 2451102"/>
              <a:gd name="connsiteX3" fmla="*/ 625970 w 2448000"/>
              <a:gd name="connsiteY3" fmla="*/ 0 h 2451102"/>
              <a:gd name="connsiteX4" fmla="*/ 808032 w 2448000"/>
              <a:gd name="connsiteY4" fmla="*/ 0 h 2451102"/>
              <a:gd name="connsiteX5" fmla="*/ 977542 w 2448000"/>
              <a:gd name="connsiteY5" fmla="*/ 0 h 2451102"/>
              <a:gd name="connsiteX6" fmla="*/ 1134950 w 2448000"/>
              <a:gd name="connsiteY6" fmla="*/ 0 h 2451102"/>
              <a:gd name="connsiteX7" fmla="*/ 1280703 w 2448000"/>
              <a:gd name="connsiteY7" fmla="*/ 0 h 2451102"/>
              <a:gd name="connsiteX8" fmla="*/ 1415250 w 2448000"/>
              <a:gd name="connsiteY8" fmla="*/ 0 h 2451102"/>
              <a:gd name="connsiteX9" fmla="*/ 1539040 w 2448000"/>
              <a:gd name="connsiteY9" fmla="*/ 0 h 2451102"/>
              <a:gd name="connsiteX10" fmla="*/ 1652520 w 2448000"/>
              <a:gd name="connsiteY10" fmla="*/ 0 h 2451102"/>
              <a:gd name="connsiteX11" fmla="*/ 1756138 w 2448000"/>
              <a:gd name="connsiteY11" fmla="*/ 0 h 2451102"/>
              <a:gd name="connsiteX12" fmla="*/ 1850344 w 2448000"/>
              <a:gd name="connsiteY12" fmla="*/ 0 h 2451102"/>
              <a:gd name="connsiteX13" fmla="*/ 1935585 w 2448000"/>
              <a:gd name="connsiteY13" fmla="*/ 0 h 2451102"/>
              <a:gd name="connsiteX14" fmla="*/ 2012309 w 2448000"/>
              <a:gd name="connsiteY14" fmla="*/ 0 h 2451102"/>
              <a:gd name="connsiteX15" fmla="*/ 2080965 w 2448000"/>
              <a:gd name="connsiteY15" fmla="*/ 0 h 2451102"/>
              <a:gd name="connsiteX16" fmla="*/ 2142000 w 2448000"/>
              <a:gd name="connsiteY16" fmla="*/ 0 h 2451102"/>
              <a:gd name="connsiteX17" fmla="*/ 2243004 w 2448000"/>
              <a:gd name="connsiteY17" fmla="*/ 0 h 2451102"/>
              <a:gd name="connsiteX18" fmla="*/ 2318906 w 2448000"/>
              <a:gd name="connsiteY18" fmla="*/ 0 h 2451102"/>
              <a:gd name="connsiteX19" fmla="*/ 2373293 w 2448000"/>
              <a:gd name="connsiteY19" fmla="*/ 0 h 2451102"/>
              <a:gd name="connsiteX20" fmla="*/ 2409750 w 2448000"/>
              <a:gd name="connsiteY20" fmla="*/ 0 h 2451102"/>
              <a:gd name="connsiteX21" fmla="*/ 2431864 w 2448000"/>
              <a:gd name="connsiteY21" fmla="*/ 0 h 2451102"/>
              <a:gd name="connsiteX22" fmla="*/ 2443219 w 2448000"/>
              <a:gd name="connsiteY22" fmla="*/ 0 h 2451102"/>
              <a:gd name="connsiteX23" fmla="*/ 2448000 w 2448000"/>
              <a:gd name="connsiteY23" fmla="*/ 0 h 2451102"/>
              <a:gd name="connsiteX24" fmla="*/ 2448000 w 2448000"/>
              <a:gd name="connsiteY24" fmla="*/ 192936 h 2451102"/>
              <a:gd name="connsiteX25" fmla="*/ 2448000 w 2448000"/>
              <a:gd name="connsiteY25" fmla="*/ 373817 h 2451102"/>
              <a:gd name="connsiteX26" fmla="*/ 2448000 w 2448000"/>
              <a:gd name="connsiteY26" fmla="*/ 543032 h 2451102"/>
              <a:gd name="connsiteX27" fmla="*/ 2448000 w 2448000"/>
              <a:gd name="connsiteY27" fmla="*/ 700971 h 2451102"/>
              <a:gd name="connsiteX28" fmla="*/ 2448000 w 2448000"/>
              <a:gd name="connsiteY28" fmla="*/ 848022 h 2451102"/>
              <a:gd name="connsiteX29" fmla="*/ 2448000 w 2448000"/>
              <a:gd name="connsiteY29" fmla="*/ 984574 h 2451102"/>
              <a:gd name="connsiteX30" fmla="*/ 2448000 w 2448000"/>
              <a:gd name="connsiteY30" fmla="*/ 1111016 h 2451102"/>
              <a:gd name="connsiteX31" fmla="*/ 2448000 w 2448000"/>
              <a:gd name="connsiteY31" fmla="*/ 1227737 h 2451102"/>
              <a:gd name="connsiteX32" fmla="*/ 2448000 w 2448000"/>
              <a:gd name="connsiteY32" fmla="*/ 1335125 h 2451102"/>
              <a:gd name="connsiteX33" fmla="*/ 2448000 w 2448000"/>
              <a:gd name="connsiteY33" fmla="*/ 1433569 h 2451102"/>
              <a:gd name="connsiteX34" fmla="*/ 2448000 w 2448000"/>
              <a:gd name="connsiteY34" fmla="*/ 1523459 h 2451102"/>
              <a:gd name="connsiteX35" fmla="*/ 2448000 w 2448000"/>
              <a:gd name="connsiteY35" fmla="*/ 1605183 h 2451102"/>
              <a:gd name="connsiteX36" fmla="*/ 2448000 w 2448000"/>
              <a:gd name="connsiteY36" fmla="*/ 1679129 h 2451102"/>
              <a:gd name="connsiteX37" fmla="*/ 2448000 w 2448000"/>
              <a:gd name="connsiteY37" fmla="*/ 1745688 h 2451102"/>
              <a:gd name="connsiteX38" fmla="*/ 2448000 w 2448000"/>
              <a:gd name="connsiteY38" fmla="*/ 1858196 h 2451102"/>
              <a:gd name="connsiteX39" fmla="*/ 2448000 w 2448000"/>
              <a:gd name="connsiteY39" fmla="*/ 1945817 h 2451102"/>
              <a:gd name="connsiteX40" fmla="*/ 2448000 w 2448000"/>
              <a:gd name="connsiteY40" fmla="*/ 2011663 h 2451102"/>
              <a:gd name="connsiteX41" fmla="*/ 2448000 w 2448000"/>
              <a:gd name="connsiteY41" fmla="*/ 2058844 h 2451102"/>
              <a:gd name="connsiteX42" fmla="*/ 2448000 w 2448000"/>
              <a:gd name="connsiteY42" fmla="*/ 2090471 h 2451102"/>
              <a:gd name="connsiteX43" fmla="*/ 2448000 w 2448000"/>
              <a:gd name="connsiteY43" fmla="*/ 2109654 h 2451102"/>
              <a:gd name="connsiteX44" fmla="*/ 2448000 w 2448000"/>
              <a:gd name="connsiteY44" fmla="*/ 2119505 h 2451102"/>
              <a:gd name="connsiteX45" fmla="*/ 2448000 w 2448000"/>
              <a:gd name="connsiteY45" fmla="*/ 2123653 h 2451102"/>
              <a:gd name="connsiteX46" fmla="*/ 2124140 w 2448000"/>
              <a:gd name="connsiteY46" fmla="*/ 2451102 h 2451102"/>
              <a:gd name="connsiteX47" fmla="*/ 0 w 2448000"/>
              <a:gd name="connsiteY47" fmla="*/ 2451102 h 245110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</a:cxnLst>
            <a:rect l="l" t="t" r="r" b="b"/>
            <a:pathLst>
              <a:path w="2448000" h="2451102">
                <a:moveTo>
                  <a:pt x="0" y="0"/>
                </a:moveTo>
                <a:lnTo>
                  <a:pt x="222403" y="0"/>
                </a:lnTo>
                <a:lnTo>
                  <a:pt x="430910" y="0"/>
                </a:lnTo>
                <a:lnTo>
                  <a:pt x="625970" y="0"/>
                </a:lnTo>
                <a:lnTo>
                  <a:pt x="808032" y="0"/>
                </a:lnTo>
                <a:lnTo>
                  <a:pt x="977542" y="0"/>
                </a:lnTo>
                <a:lnTo>
                  <a:pt x="1134950" y="0"/>
                </a:lnTo>
                <a:lnTo>
                  <a:pt x="1280703" y="0"/>
                </a:lnTo>
                <a:lnTo>
                  <a:pt x="1415250" y="0"/>
                </a:lnTo>
                <a:lnTo>
                  <a:pt x="1539040" y="0"/>
                </a:lnTo>
                <a:lnTo>
                  <a:pt x="1652520" y="0"/>
                </a:lnTo>
                <a:lnTo>
                  <a:pt x="1756138" y="0"/>
                </a:lnTo>
                <a:lnTo>
                  <a:pt x="1850344" y="0"/>
                </a:lnTo>
                <a:lnTo>
                  <a:pt x="1935585" y="0"/>
                </a:lnTo>
                <a:lnTo>
                  <a:pt x="2012309" y="0"/>
                </a:lnTo>
                <a:lnTo>
                  <a:pt x="2080965" y="0"/>
                </a:lnTo>
                <a:lnTo>
                  <a:pt x="2142000" y="0"/>
                </a:lnTo>
                <a:lnTo>
                  <a:pt x="2243004" y="0"/>
                </a:lnTo>
                <a:lnTo>
                  <a:pt x="2318906" y="0"/>
                </a:lnTo>
                <a:lnTo>
                  <a:pt x="2373293" y="0"/>
                </a:lnTo>
                <a:lnTo>
                  <a:pt x="2409750" y="0"/>
                </a:lnTo>
                <a:lnTo>
                  <a:pt x="2431864" y="0"/>
                </a:lnTo>
                <a:lnTo>
                  <a:pt x="2443219" y="0"/>
                </a:lnTo>
                <a:lnTo>
                  <a:pt x="2448000" y="0"/>
                </a:lnTo>
                <a:lnTo>
                  <a:pt x="2448000" y="192936"/>
                </a:lnTo>
                <a:lnTo>
                  <a:pt x="2448000" y="373817"/>
                </a:lnTo>
                <a:lnTo>
                  <a:pt x="2448000" y="543032"/>
                </a:lnTo>
                <a:lnTo>
                  <a:pt x="2448000" y="700971"/>
                </a:lnTo>
                <a:lnTo>
                  <a:pt x="2448000" y="848022"/>
                </a:lnTo>
                <a:lnTo>
                  <a:pt x="2448000" y="984574"/>
                </a:lnTo>
                <a:lnTo>
                  <a:pt x="2448000" y="1111016"/>
                </a:lnTo>
                <a:lnTo>
                  <a:pt x="2448000" y="1227737"/>
                </a:lnTo>
                <a:lnTo>
                  <a:pt x="2448000" y="1335125"/>
                </a:lnTo>
                <a:lnTo>
                  <a:pt x="2448000" y="1433569"/>
                </a:lnTo>
                <a:lnTo>
                  <a:pt x="2448000" y="1523459"/>
                </a:lnTo>
                <a:lnTo>
                  <a:pt x="2448000" y="1605183"/>
                </a:lnTo>
                <a:lnTo>
                  <a:pt x="2448000" y="1679129"/>
                </a:lnTo>
                <a:lnTo>
                  <a:pt x="2448000" y="1745688"/>
                </a:lnTo>
                <a:lnTo>
                  <a:pt x="2448000" y="1858196"/>
                </a:lnTo>
                <a:lnTo>
                  <a:pt x="2448000" y="1945817"/>
                </a:lnTo>
                <a:lnTo>
                  <a:pt x="2448000" y="2011663"/>
                </a:lnTo>
                <a:lnTo>
                  <a:pt x="2448000" y="2058844"/>
                </a:lnTo>
                <a:lnTo>
                  <a:pt x="2448000" y="2090471"/>
                </a:lnTo>
                <a:lnTo>
                  <a:pt x="2448000" y="2109654"/>
                </a:lnTo>
                <a:lnTo>
                  <a:pt x="2448000" y="2119505"/>
                </a:lnTo>
                <a:lnTo>
                  <a:pt x="2448000" y="2123653"/>
                </a:lnTo>
                <a:cubicBezTo>
                  <a:pt x="2324171" y="2250818"/>
                  <a:pt x="2251144" y="2323937"/>
                  <a:pt x="2124140" y="2451102"/>
                </a:cubicBezTo>
                <a:cubicBezTo>
                  <a:pt x="0" y="2451102"/>
                  <a:pt x="0" y="2451102"/>
                  <a:pt x="0" y="2451102"/>
                </a:cubicBezTo>
                <a:close/>
              </a:path>
            </a:pathLst>
          </a:custGeom>
          <a:solidFill>
            <a:schemeClr val="accent1"/>
          </a:solidFill>
        </p:spPr>
        <p:txBody>
          <a:bodyPr wrap="square" lIns="216000" tIns="216000" rIns="216000" bIns="216000" anchor="ctr" anchorCtr="0">
            <a:noAutofit/>
          </a:bodyPr>
          <a:lstStyle>
            <a:lvl1pPr marL="0" indent="0">
              <a:spcAft>
                <a:spcPts val="500"/>
              </a:spcAft>
              <a:buNone/>
              <a:defRPr sz="1400" b="1">
                <a:solidFill>
                  <a:schemeClr val="bg2"/>
                </a:solidFill>
              </a:defRPr>
            </a:lvl1pPr>
          </a:lstStyle>
          <a:p>
            <a:pPr lvl="0"/>
            <a:r>
              <a:rPr lang="da-DK" dirty="0"/>
              <a:t>Edit Master </a:t>
            </a:r>
            <a:r>
              <a:rPr lang="da-DK" dirty="0" err="1"/>
              <a:t>text</a:t>
            </a:r>
            <a:r>
              <a:rPr lang="da-DK" dirty="0"/>
              <a:t> styles</a:t>
            </a:r>
          </a:p>
        </p:txBody>
      </p:sp>
      <p:sp>
        <p:nvSpPr>
          <p:cNvPr id="14" name="Slide Number Placeholder 1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2" name="Date Placeholder 1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9FE36D3-6D8A-41B0-8F1B-2F75587B4040}" type="datetime2">
              <a:rPr lang="da-DK" smtClean="0"/>
              <a:t>22. november 2017</a:t>
            </a:fld>
            <a:endParaRPr lang="da-DK" dirty="0"/>
          </a:p>
        </p:txBody>
      </p:sp>
      <p:sp>
        <p:nvSpPr>
          <p:cNvPr id="13" name="Footer Placeholder 1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71751309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, indhold og ikon, Rø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ød baggr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9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2"/>
                </a:solidFill>
              </a:defRPr>
            </a:lvl1pPr>
          </a:lstStyle>
          <a:p>
            <a:r>
              <a:rPr lang="da-DK" dirty="0"/>
              <a:t>Click to edit Master title style</a:t>
            </a:r>
          </a:p>
        </p:txBody>
      </p:sp>
      <p:sp>
        <p:nvSpPr>
          <p:cNvPr id="10" name="Content Placeholder 2"/>
          <p:cNvSpPr>
            <a:spLocks noGrp="1"/>
          </p:cNvSpPr>
          <p:nvPr>
            <p:ph idx="1"/>
          </p:nvPr>
        </p:nvSpPr>
        <p:spPr>
          <a:xfrm>
            <a:off x="1540801" y="1989056"/>
            <a:ext cx="7776000" cy="4112944"/>
          </a:xfrm>
        </p:spPr>
        <p:txBody>
          <a:bodyPr/>
          <a:lstStyle>
            <a:lvl1pPr>
              <a:buClr>
                <a:schemeClr val="bg2"/>
              </a:buClr>
              <a:defRPr>
                <a:solidFill>
                  <a:schemeClr val="bg2"/>
                </a:solidFill>
              </a:defRPr>
            </a:lvl1pPr>
            <a:lvl2pPr>
              <a:buClr>
                <a:schemeClr val="bg2"/>
              </a:buClr>
              <a:defRPr>
                <a:solidFill>
                  <a:schemeClr val="bg2"/>
                </a:solidFill>
              </a:defRPr>
            </a:lvl2pPr>
            <a:lvl3pPr>
              <a:buClr>
                <a:schemeClr val="bg2"/>
              </a:buClr>
              <a:defRPr>
                <a:solidFill>
                  <a:schemeClr val="bg2"/>
                </a:solidFill>
              </a:defRPr>
            </a:lvl3pPr>
            <a:lvl4pPr>
              <a:buClr>
                <a:schemeClr val="bg2"/>
              </a:buClr>
              <a:defRPr>
                <a:solidFill>
                  <a:schemeClr val="bg2"/>
                </a:solidFill>
              </a:defRPr>
            </a:lvl4pPr>
            <a:lvl5pPr>
              <a:buClr>
                <a:schemeClr val="bg2"/>
              </a:buClr>
              <a:defRPr>
                <a:solidFill>
                  <a:schemeClr val="bg2"/>
                </a:solidFill>
              </a:defRPr>
            </a:lvl5pPr>
            <a:lvl6pPr>
              <a:buClr>
                <a:schemeClr val="bg2"/>
              </a:buClr>
              <a:defRPr>
                <a:solidFill>
                  <a:schemeClr val="bg2"/>
                </a:solidFill>
              </a:defRPr>
            </a:lvl6pPr>
            <a:lvl7pPr>
              <a:buClr>
                <a:schemeClr val="bg2"/>
              </a:buClr>
              <a:defRPr>
                <a:solidFill>
                  <a:schemeClr val="bg2"/>
                </a:solidFill>
              </a:defRPr>
            </a:lvl7pPr>
            <a:lvl8pPr>
              <a:buClr>
                <a:schemeClr val="bg2"/>
              </a:buClr>
              <a:defRPr>
                <a:solidFill>
                  <a:schemeClr val="bg2"/>
                </a:solidFill>
              </a:defRPr>
            </a:lvl8pPr>
            <a:lvl9pPr>
              <a:buClr>
                <a:schemeClr val="bg2"/>
              </a:buClr>
              <a:defRPr>
                <a:solidFill>
                  <a:schemeClr val="bg2"/>
                </a:solidFill>
              </a:defRPr>
            </a:lvl9pPr>
          </a:lstStyle>
          <a:p>
            <a:pPr lvl="0"/>
            <a:r>
              <a:rPr lang="da-DK" noProof="0" dirty="0"/>
              <a:t>Edit Master </a:t>
            </a:r>
            <a:r>
              <a:rPr lang="da-DK" noProof="0" dirty="0" err="1"/>
              <a:t>text</a:t>
            </a:r>
            <a:r>
              <a:rPr lang="da-DK" noProof="0" dirty="0"/>
              <a:t> styles</a:t>
            </a:r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5"/>
            <a:r>
              <a:rPr lang="da-DK" noProof="0" dirty="0"/>
              <a:t>6</a:t>
            </a:r>
          </a:p>
          <a:p>
            <a:pPr lvl="6"/>
            <a:r>
              <a:rPr lang="da-DK" noProof="0" dirty="0"/>
              <a:t>7</a:t>
            </a:r>
          </a:p>
          <a:p>
            <a:pPr lvl="7"/>
            <a:r>
              <a:rPr lang="da-DK" noProof="0" dirty="0"/>
              <a:t>8</a:t>
            </a:r>
          </a:p>
          <a:p>
            <a:pPr lvl="8"/>
            <a:r>
              <a:rPr lang="da-DK" noProof="0" dirty="0"/>
              <a:t>9</a:t>
            </a:r>
          </a:p>
        </p:txBody>
      </p:sp>
      <p:sp>
        <p:nvSpPr>
          <p:cNvPr id="18" name="Content Placeholder 3"/>
          <p:cNvSpPr>
            <a:spLocks noGrp="1"/>
          </p:cNvSpPr>
          <p:nvPr>
            <p:ph sz="quarter" idx="18" hasCustomPrompt="1"/>
          </p:nvPr>
        </p:nvSpPr>
        <p:spPr>
          <a:xfrm>
            <a:off x="9532800" y="2872800"/>
            <a:ext cx="2448000" cy="2448000"/>
          </a:xfrm>
        </p:spPr>
        <p:txBody>
          <a:bodyPr/>
          <a:lstStyle>
            <a:lvl1pPr marL="0" indent="0">
              <a:buNone/>
              <a:defRPr sz="1400">
                <a:solidFill>
                  <a:schemeClr val="bg2"/>
                </a:solidFill>
              </a:defRPr>
            </a:lvl1pPr>
          </a:lstStyle>
          <a:p>
            <a:pPr lvl="0"/>
            <a:r>
              <a:rPr lang="da-DK" dirty="0"/>
              <a:t>Klik på denne pladsholder og indsæt ikon via Skyfish</a:t>
            </a:r>
          </a:p>
        </p:txBody>
      </p:sp>
      <p:sp>
        <p:nvSpPr>
          <p:cNvPr id="14" name="Slide Number Placeholder 1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2"/>
                </a:solidFill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2" name="Date Placeholder 1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9FE36D3-6D8A-41B0-8F1B-2F75587B4040}" type="datetime2">
              <a:rPr lang="da-DK" smtClean="0"/>
              <a:t>22. november 2017</a:t>
            </a:fld>
            <a:endParaRPr lang="da-DK" dirty="0"/>
          </a:p>
        </p:txBody>
      </p:sp>
      <p:sp>
        <p:nvSpPr>
          <p:cNvPr id="13" name="Footer Placeholder 1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0" name="TextBox 19"/>
          <p:cNvSpPr txBox="1"/>
          <p:nvPr userDrawn="1"/>
        </p:nvSpPr>
        <p:spPr>
          <a:xfrm>
            <a:off x="-1" y="-300028"/>
            <a:ext cx="1188000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b="1" dirty="0"/>
              <a:t>Bemærk</a:t>
            </a:r>
            <a:r>
              <a:rPr lang="da-DK" sz="1200" dirty="0"/>
              <a:t>: På denne side kan man indsætte graﬁkelementer til højre for teksten. </a:t>
            </a:r>
          </a:p>
        </p:txBody>
      </p:sp>
      <p:pic>
        <p:nvPicPr>
          <p:cNvPr id="21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809164" y="398179"/>
            <a:ext cx="1051199" cy="148556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540661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, indhold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itle</a:t>
            </a:r>
            <a:r>
              <a:rPr lang="da-DK" noProof="0" dirty="0"/>
              <a:t>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540801" y="1989056"/>
            <a:ext cx="5112000" cy="4112944"/>
          </a:xfrm>
        </p:spPr>
        <p:txBody>
          <a:bodyPr/>
          <a:lstStyle/>
          <a:p>
            <a:pPr lvl="0"/>
            <a:r>
              <a:rPr lang="da-DK" noProof="0" dirty="0"/>
              <a:t>Edit Master </a:t>
            </a:r>
            <a:r>
              <a:rPr lang="da-DK" noProof="0" dirty="0" err="1"/>
              <a:t>text</a:t>
            </a:r>
            <a:r>
              <a:rPr lang="da-DK" noProof="0" dirty="0"/>
              <a:t> styles</a:t>
            </a:r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6A73BF-020B-417D-A09B-710E77019837}" type="datetime2">
              <a:rPr lang="da-DK" smtClean="0"/>
              <a:t>22. november 2017</a:t>
            </a:fld>
            <a:endParaRPr lang="da-DK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3" name="Picture Placeholder 12"/>
          <p:cNvSpPr>
            <a:spLocks noGrp="1"/>
          </p:cNvSpPr>
          <p:nvPr>
            <p:ph type="pic" sz="quarter" idx="14" hasCustomPrompt="1"/>
          </p:nvPr>
        </p:nvSpPr>
        <p:spPr>
          <a:xfrm>
            <a:off x="7346400" y="1989056"/>
            <a:ext cx="4392000" cy="4392000"/>
          </a:xfrm>
          <a:custGeom>
            <a:avLst/>
            <a:gdLst>
              <a:gd name="connsiteX0" fmla="*/ 0 w 4392000"/>
              <a:gd name="connsiteY0" fmla="*/ 0 h 4392000"/>
              <a:gd name="connsiteX1" fmla="*/ 1073 w 4392000"/>
              <a:gd name="connsiteY1" fmla="*/ 0 h 4392000"/>
              <a:gd name="connsiteX2" fmla="*/ 8578 w 4392000"/>
              <a:gd name="connsiteY2" fmla="*/ 0 h 4392000"/>
              <a:gd name="connsiteX3" fmla="*/ 28951 w 4392000"/>
              <a:gd name="connsiteY3" fmla="*/ 0 h 4392000"/>
              <a:gd name="connsiteX4" fmla="*/ 68625 w 4392000"/>
              <a:gd name="connsiteY4" fmla="*/ 0 h 4392000"/>
              <a:gd name="connsiteX5" fmla="*/ 97711 w 4392000"/>
              <a:gd name="connsiteY5" fmla="*/ 0 h 4392000"/>
              <a:gd name="connsiteX6" fmla="*/ 134034 w 4392000"/>
              <a:gd name="connsiteY6" fmla="*/ 0 h 4392000"/>
              <a:gd name="connsiteX7" fmla="*/ 178399 w 4392000"/>
              <a:gd name="connsiteY7" fmla="*/ 0 h 4392000"/>
              <a:gd name="connsiteX8" fmla="*/ 231610 w 4392000"/>
              <a:gd name="connsiteY8" fmla="*/ 0 h 4392000"/>
              <a:gd name="connsiteX9" fmla="*/ 294471 w 4392000"/>
              <a:gd name="connsiteY9" fmla="*/ 0 h 4392000"/>
              <a:gd name="connsiteX10" fmla="*/ 367787 w 4392000"/>
              <a:gd name="connsiteY10" fmla="*/ 0 h 4392000"/>
              <a:gd name="connsiteX11" fmla="*/ 452362 w 4392000"/>
              <a:gd name="connsiteY11" fmla="*/ 0 h 4392000"/>
              <a:gd name="connsiteX12" fmla="*/ 549000 w 4392000"/>
              <a:gd name="connsiteY12" fmla="*/ 0 h 4392000"/>
              <a:gd name="connsiteX13" fmla="*/ 658505 w 4392000"/>
              <a:gd name="connsiteY13" fmla="*/ 0 h 4392000"/>
              <a:gd name="connsiteX14" fmla="*/ 781682 w 4392000"/>
              <a:gd name="connsiteY14" fmla="*/ 0 h 4392000"/>
              <a:gd name="connsiteX15" fmla="*/ 919334 w 4392000"/>
              <a:gd name="connsiteY15" fmla="*/ 0 h 4392000"/>
              <a:gd name="connsiteX16" fmla="*/ 1072266 w 4392000"/>
              <a:gd name="connsiteY16" fmla="*/ 0 h 4392000"/>
              <a:gd name="connsiteX17" fmla="*/ 1241282 w 4392000"/>
              <a:gd name="connsiteY17" fmla="*/ 0 h 4392000"/>
              <a:gd name="connsiteX18" fmla="*/ 1427186 w 4392000"/>
              <a:gd name="connsiteY18" fmla="*/ 0 h 4392000"/>
              <a:gd name="connsiteX19" fmla="*/ 1630782 w 4392000"/>
              <a:gd name="connsiteY19" fmla="*/ 0 h 4392000"/>
              <a:gd name="connsiteX20" fmla="*/ 1852875 w 4392000"/>
              <a:gd name="connsiteY20" fmla="*/ 0 h 4392000"/>
              <a:gd name="connsiteX21" fmla="*/ 2094269 w 4392000"/>
              <a:gd name="connsiteY21" fmla="*/ 0 h 4392000"/>
              <a:gd name="connsiteX22" fmla="*/ 2355768 w 4392000"/>
              <a:gd name="connsiteY22" fmla="*/ 0 h 4392000"/>
              <a:gd name="connsiteX23" fmla="*/ 2638176 w 4392000"/>
              <a:gd name="connsiteY23" fmla="*/ 0 h 4392000"/>
              <a:gd name="connsiteX24" fmla="*/ 2942297 w 4392000"/>
              <a:gd name="connsiteY24" fmla="*/ 0 h 4392000"/>
              <a:gd name="connsiteX25" fmla="*/ 3268936 w 4392000"/>
              <a:gd name="connsiteY25" fmla="*/ 0 h 4392000"/>
              <a:gd name="connsiteX26" fmla="*/ 3618896 w 4392000"/>
              <a:gd name="connsiteY26" fmla="*/ 0 h 4392000"/>
              <a:gd name="connsiteX27" fmla="*/ 3992983 w 4392000"/>
              <a:gd name="connsiteY27" fmla="*/ 0 h 4392000"/>
              <a:gd name="connsiteX28" fmla="*/ 4392000 w 4392000"/>
              <a:gd name="connsiteY28" fmla="*/ 0 h 4392000"/>
              <a:gd name="connsiteX29" fmla="*/ 4392000 w 4392000"/>
              <a:gd name="connsiteY29" fmla="*/ 930 h 4392000"/>
              <a:gd name="connsiteX30" fmla="*/ 4392000 w 4392000"/>
              <a:gd name="connsiteY30" fmla="*/ 7437 h 4392000"/>
              <a:gd name="connsiteX31" fmla="*/ 4392000 w 4392000"/>
              <a:gd name="connsiteY31" fmla="*/ 25100 h 4392000"/>
              <a:gd name="connsiteX32" fmla="*/ 4392000 w 4392000"/>
              <a:gd name="connsiteY32" fmla="*/ 59495 h 4392000"/>
              <a:gd name="connsiteX33" fmla="*/ 4392000 w 4392000"/>
              <a:gd name="connsiteY33" fmla="*/ 116201 h 4392000"/>
              <a:gd name="connsiteX34" fmla="*/ 4392000 w 4392000"/>
              <a:gd name="connsiteY34" fmla="*/ 154663 h 4392000"/>
              <a:gd name="connsiteX35" fmla="*/ 4392000 w 4392000"/>
              <a:gd name="connsiteY35" fmla="*/ 200795 h 4392000"/>
              <a:gd name="connsiteX36" fmla="*/ 4392000 w 4392000"/>
              <a:gd name="connsiteY36" fmla="*/ 255293 h 4392000"/>
              <a:gd name="connsiteX37" fmla="*/ 4392000 w 4392000"/>
              <a:gd name="connsiteY37" fmla="*/ 318855 h 4392000"/>
              <a:gd name="connsiteX38" fmla="*/ 4392000 w 4392000"/>
              <a:gd name="connsiteY38" fmla="*/ 392178 h 4392000"/>
              <a:gd name="connsiteX39" fmla="*/ 4392000 w 4392000"/>
              <a:gd name="connsiteY39" fmla="*/ 475959 h 4392000"/>
              <a:gd name="connsiteX40" fmla="*/ 4392000 w 4392000"/>
              <a:gd name="connsiteY40" fmla="*/ 570895 h 4392000"/>
              <a:gd name="connsiteX41" fmla="*/ 4392000 w 4392000"/>
              <a:gd name="connsiteY41" fmla="*/ 677684 h 4392000"/>
              <a:gd name="connsiteX42" fmla="*/ 4392000 w 4392000"/>
              <a:gd name="connsiteY42" fmla="*/ 797022 h 4392000"/>
              <a:gd name="connsiteX43" fmla="*/ 4392000 w 4392000"/>
              <a:gd name="connsiteY43" fmla="*/ 929607 h 4392000"/>
              <a:gd name="connsiteX44" fmla="*/ 4392000 w 4392000"/>
              <a:gd name="connsiteY44" fmla="*/ 1076136 h 4392000"/>
              <a:gd name="connsiteX45" fmla="*/ 4392000 w 4392000"/>
              <a:gd name="connsiteY45" fmla="*/ 1237307 h 4392000"/>
              <a:gd name="connsiteX46" fmla="*/ 4392000 w 4392000"/>
              <a:gd name="connsiteY46" fmla="*/ 1413816 h 4392000"/>
              <a:gd name="connsiteX47" fmla="*/ 4392000 w 4392000"/>
              <a:gd name="connsiteY47" fmla="*/ 1606361 h 4392000"/>
              <a:gd name="connsiteX48" fmla="*/ 4392000 w 4392000"/>
              <a:gd name="connsiteY48" fmla="*/ 1815639 h 4392000"/>
              <a:gd name="connsiteX49" fmla="*/ 4392000 w 4392000"/>
              <a:gd name="connsiteY49" fmla="*/ 2042347 h 4392000"/>
              <a:gd name="connsiteX50" fmla="*/ 4392000 w 4392000"/>
              <a:gd name="connsiteY50" fmla="*/ 2287182 h 4392000"/>
              <a:gd name="connsiteX51" fmla="*/ 4392000 w 4392000"/>
              <a:gd name="connsiteY51" fmla="*/ 2550842 h 4392000"/>
              <a:gd name="connsiteX52" fmla="*/ 4392000 w 4392000"/>
              <a:gd name="connsiteY52" fmla="*/ 2834023 h 4392000"/>
              <a:gd name="connsiteX53" fmla="*/ 4392000 w 4392000"/>
              <a:gd name="connsiteY53" fmla="*/ 3137424 h 4392000"/>
              <a:gd name="connsiteX54" fmla="*/ 4392000 w 4392000"/>
              <a:gd name="connsiteY54" fmla="*/ 3461740 h 4392000"/>
              <a:gd name="connsiteX55" fmla="*/ 4392000 w 4392000"/>
              <a:gd name="connsiteY55" fmla="*/ 3807670 h 4392000"/>
              <a:gd name="connsiteX56" fmla="*/ 3808093 w 4392000"/>
              <a:gd name="connsiteY56" fmla="*/ 4392000 h 4392000"/>
              <a:gd name="connsiteX57" fmla="*/ 3807163 w 4392000"/>
              <a:gd name="connsiteY57" fmla="*/ 4392000 h 4392000"/>
              <a:gd name="connsiteX58" fmla="*/ 3800655 w 4392000"/>
              <a:gd name="connsiteY58" fmla="*/ 4392000 h 4392000"/>
              <a:gd name="connsiteX59" fmla="*/ 3782991 w 4392000"/>
              <a:gd name="connsiteY59" fmla="*/ 4392000 h 4392000"/>
              <a:gd name="connsiteX60" fmla="*/ 3748592 w 4392000"/>
              <a:gd name="connsiteY60" fmla="*/ 4392000 h 4392000"/>
              <a:gd name="connsiteX61" fmla="*/ 3691879 w 4392000"/>
              <a:gd name="connsiteY61" fmla="*/ 4392000 h 4392000"/>
              <a:gd name="connsiteX62" fmla="*/ 3653412 w 4392000"/>
              <a:gd name="connsiteY62" fmla="*/ 4392000 h 4392000"/>
              <a:gd name="connsiteX63" fmla="*/ 3607276 w 4392000"/>
              <a:gd name="connsiteY63" fmla="*/ 4392000 h 4392000"/>
              <a:gd name="connsiteX64" fmla="*/ 3552771 w 4392000"/>
              <a:gd name="connsiteY64" fmla="*/ 4392000 h 4392000"/>
              <a:gd name="connsiteX65" fmla="*/ 3489202 w 4392000"/>
              <a:gd name="connsiteY65" fmla="*/ 4392000 h 4392000"/>
              <a:gd name="connsiteX66" fmla="*/ 3415872 w 4392000"/>
              <a:gd name="connsiteY66" fmla="*/ 4392000 h 4392000"/>
              <a:gd name="connsiteX67" fmla="*/ 3332081 w 4392000"/>
              <a:gd name="connsiteY67" fmla="*/ 4392000 h 4392000"/>
              <a:gd name="connsiteX68" fmla="*/ 3237135 w 4392000"/>
              <a:gd name="connsiteY68" fmla="*/ 4392000 h 4392000"/>
              <a:gd name="connsiteX69" fmla="*/ 3130334 w 4392000"/>
              <a:gd name="connsiteY69" fmla="*/ 4392000 h 4392000"/>
              <a:gd name="connsiteX70" fmla="*/ 3010983 w 4392000"/>
              <a:gd name="connsiteY70" fmla="*/ 4392000 h 4392000"/>
              <a:gd name="connsiteX71" fmla="*/ 2878383 w 4392000"/>
              <a:gd name="connsiteY71" fmla="*/ 4392000 h 4392000"/>
              <a:gd name="connsiteX72" fmla="*/ 2731837 w 4392000"/>
              <a:gd name="connsiteY72" fmla="*/ 4392000 h 4392000"/>
              <a:gd name="connsiteX73" fmla="*/ 2570649 w 4392000"/>
              <a:gd name="connsiteY73" fmla="*/ 4392000 h 4392000"/>
              <a:gd name="connsiteX74" fmla="*/ 2394120 w 4392000"/>
              <a:gd name="connsiteY74" fmla="*/ 4392000 h 4392000"/>
              <a:gd name="connsiteX75" fmla="*/ 2201554 w 4392000"/>
              <a:gd name="connsiteY75" fmla="*/ 4392000 h 4392000"/>
              <a:gd name="connsiteX76" fmla="*/ 1992253 w 4392000"/>
              <a:gd name="connsiteY76" fmla="*/ 4392000 h 4392000"/>
              <a:gd name="connsiteX77" fmla="*/ 1765520 w 4392000"/>
              <a:gd name="connsiteY77" fmla="*/ 4392000 h 4392000"/>
              <a:gd name="connsiteX78" fmla="*/ 1520657 w 4392000"/>
              <a:gd name="connsiteY78" fmla="*/ 4392000 h 4392000"/>
              <a:gd name="connsiteX79" fmla="*/ 1256968 w 4392000"/>
              <a:gd name="connsiteY79" fmla="*/ 4392000 h 4392000"/>
              <a:gd name="connsiteX80" fmla="*/ 973755 w 4392000"/>
              <a:gd name="connsiteY80" fmla="*/ 4392000 h 4392000"/>
              <a:gd name="connsiteX81" fmla="*/ 670321 w 4392000"/>
              <a:gd name="connsiteY81" fmla="*/ 4392000 h 4392000"/>
              <a:gd name="connsiteX82" fmla="*/ 345969 w 4392000"/>
              <a:gd name="connsiteY82" fmla="*/ 4392000 h 4392000"/>
              <a:gd name="connsiteX83" fmla="*/ 0 w 4392000"/>
              <a:gd name="connsiteY83" fmla="*/ 4392000 h 4392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</a:cxnLst>
            <a:rect l="l" t="t" r="r" b="b"/>
            <a:pathLst>
              <a:path w="4392000" h="4392000">
                <a:moveTo>
                  <a:pt x="0" y="0"/>
                </a:moveTo>
                <a:lnTo>
                  <a:pt x="1073" y="0"/>
                </a:lnTo>
                <a:lnTo>
                  <a:pt x="8578" y="0"/>
                </a:lnTo>
                <a:lnTo>
                  <a:pt x="28951" y="0"/>
                </a:lnTo>
                <a:lnTo>
                  <a:pt x="68625" y="0"/>
                </a:lnTo>
                <a:lnTo>
                  <a:pt x="97711" y="0"/>
                </a:lnTo>
                <a:lnTo>
                  <a:pt x="134034" y="0"/>
                </a:lnTo>
                <a:lnTo>
                  <a:pt x="178399" y="0"/>
                </a:lnTo>
                <a:lnTo>
                  <a:pt x="231610" y="0"/>
                </a:lnTo>
                <a:lnTo>
                  <a:pt x="294471" y="0"/>
                </a:lnTo>
                <a:lnTo>
                  <a:pt x="367787" y="0"/>
                </a:lnTo>
                <a:lnTo>
                  <a:pt x="452362" y="0"/>
                </a:lnTo>
                <a:lnTo>
                  <a:pt x="549000" y="0"/>
                </a:lnTo>
                <a:lnTo>
                  <a:pt x="658505" y="0"/>
                </a:lnTo>
                <a:lnTo>
                  <a:pt x="781682" y="0"/>
                </a:lnTo>
                <a:lnTo>
                  <a:pt x="919334" y="0"/>
                </a:lnTo>
                <a:lnTo>
                  <a:pt x="1072266" y="0"/>
                </a:lnTo>
                <a:lnTo>
                  <a:pt x="1241282" y="0"/>
                </a:lnTo>
                <a:lnTo>
                  <a:pt x="1427186" y="0"/>
                </a:lnTo>
                <a:lnTo>
                  <a:pt x="1630782" y="0"/>
                </a:lnTo>
                <a:lnTo>
                  <a:pt x="1852875" y="0"/>
                </a:lnTo>
                <a:lnTo>
                  <a:pt x="2094269" y="0"/>
                </a:lnTo>
                <a:lnTo>
                  <a:pt x="2355768" y="0"/>
                </a:lnTo>
                <a:lnTo>
                  <a:pt x="2638176" y="0"/>
                </a:lnTo>
                <a:lnTo>
                  <a:pt x="2942297" y="0"/>
                </a:lnTo>
                <a:lnTo>
                  <a:pt x="3268936" y="0"/>
                </a:lnTo>
                <a:lnTo>
                  <a:pt x="3618896" y="0"/>
                </a:lnTo>
                <a:lnTo>
                  <a:pt x="3992983" y="0"/>
                </a:lnTo>
                <a:lnTo>
                  <a:pt x="4392000" y="0"/>
                </a:lnTo>
                <a:lnTo>
                  <a:pt x="4392000" y="930"/>
                </a:lnTo>
                <a:lnTo>
                  <a:pt x="4392000" y="7437"/>
                </a:lnTo>
                <a:lnTo>
                  <a:pt x="4392000" y="25100"/>
                </a:lnTo>
                <a:lnTo>
                  <a:pt x="4392000" y="59495"/>
                </a:lnTo>
                <a:lnTo>
                  <a:pt x="4392000" y="116201"/>
                </a:lnTo>
                <a:lnTo>
                  <a:pt x="4392000" y="154663"/>
                </a:lnTo>
                <a:lnTo>
                  <a:pt x="4392000" y="200795"/>
                </a:lnTo>
                <a:lnTo>
                  <a:pt x="4392000" y="255293"/>
                </a:lnTo>
                <a:lnTo>
                  <a:pt x="4392000" y="318855"/>
                </a:lnTo>
                <a:lnTo>
                  <a:pt x="4392000" y="392178"/>
                </a:lnTo>
                <a:lnTo>
                  <a:pt x="4392000" y="475959"/>
                </a:lnTo>
                <a:lnTo>
                  <a:pt x="4392000" y="570895"/>
                </a:lnTo>
                <a:lnTo>
                  <a:pt x="4392000" y="677684"/>
                </a:lnTo>
                <a:lnTo>
                  <a:pt x="4392000" y="797022"/>
                </a:lnTo>
                <a:lnTo>
                  <a:pt x="4392000" y="929607"/>
                </a:lnTo>
                <a:lnTo>
                  <a:pt x="4392000" y="1076136"/>
                </a:lnTo>
                <a:lnTo>
                  <a:pt x="4392000" y="1237307"/>
                </a:lnTo>
                <a:lnTo>
                  <a:pt x="4392000" y="1413816"/>
                </a:lnTo>
                <a:lnTo>
                  <a:pt x="4392000" y="1606361"/>
                </a:lnTo>
                <a:lnTo>
                  <a:pt x="4392000" y="1815639"/>
                </a:lnTo>
                <a:lnTo>
                  <a:pt x="4392000" y="2042347"/>
                </a:lnTo>
                <a:lnTo>
                  <a:pt x="4392000" y="2287182"/>
                </a:lnTo>
                <a:lnTo>
                  <a:pt x="4392000" y="2550842"/>
                </a:lnTo>
                <a:lnTo>
                  <a:pt x="4392000" y="2834023"/>
                </a:lnTo>
                <a:lnTo>
                  <a:pt x="4392000" y="3137424"/>
                </a:lnTo>
                <a:lnTo>
                  <a:pt x="4392000" y="3461740"/>
                </a:lnTo>
                <a:lnTo>
                  <a:pt x="4392000" y="3807670"/>
                </a:lnTo>
                <a:cubicBezTo>
                  <a:pt x="4163515" y="4036321"/>
                  <a:pt x="4036578" y="4163349"/>
                  <a:pt x="3808093" y="4392000"/>
                </a:cubicBezTo>
                <a:lnTo>
                  <a:pt x="3807163" y="4392000"/>
                </a:lnTo>
                <a:lnTo>
                  <a:pt x="3800655" y="4392000"/>
                </a:lnTo>
                <a:lnTo>
                  <a:pt x="3782991" y="4392000"/>
                </a:lnTo>
                <a:lnTo>
                  <a:pt x="3748592" y="4392000"/>
                </a:lnTo>
                <a:lnTo>
                  <a:pt x="3691879" y="4392000"/>
                </a:lnTo>
                <a:lnTo>
                  <a:pt x="3653412" y="4392000"/>
                </a:lnTo>
                <a:lnTo>
                  <a:pt x="3607276" y="4392000"/>
                </a:lnTo>
                <a:lnTo>
                  <a:pt x="3552771" y="4392000"/>
                </a:lnTo>
                <a:lnTo>
                  <a:pt x="3489202" y="4392000"/>
                </a:lnTo>
                <a:lnTo>
                  <a:pt x="3415872" y="4392000"/>
                </a:lnTo>
                <a:lnTo>
                  <a:pt x="3332081" y="4392000"/>
                </a:lnTo>
                <a:lnTo>
                  <a:pt x="3237135" y="4392000"/>
                </a:lnTo>
                <a:lnTo>
                  <a:pt x="3130334" y="4392000"/>
                </a:lnTo>
                <a:lnTo>
                  <a:pt x="3010983" y="4392000"/>
                </a:lnTo>
                <a:lnTo>
                  <a:pt x="2878383" y="4392000"/>
                </a:lnTo>
                <a:lnTo>
                  <a:pt x="2731837" y="4392000"/>
                </a:lnTo>
                <a:lnTo>
                  <a:pt x="2570649" y="4392000"/>
                </a:lnTo>
                <a:lnTo>
                  <a:pt x="2394120" y="4392000"/>
                </a:lnTo>
                <a:lnTo>
                  <a:pt x="2201554" y="4392000"/>
                </a:lnTo>
                <a:lnTo>
                  <a:pt x="1992253" y="4392000"/>
                </a:lnTo>
                <a:lnTo>
                  <a:pt x="1765520" y="4392000"/>
                </a:lnTo>
                <a:lnTo>
                  <a:pt x="1520657" y="4392000"/>
                </a:lnTo>
                <a:lnTo>
                  <a:pt x="1256968" y="4392000"/>
                </a:lnTo>
                <a:lnTo>
                  <a:pt x="973755" y="4392000"/>
                </a:lnTo>
                <a:lnTo>
                  <a:pt x="670321" y="4392000"/>
                </a:lnTo>
                <a:lnTo>
                  <a:pt x="345969" y="4392000"/>
                </a:lnTo>
                <a:lnTo>
                  <a:pt x="0" y="4392000"/>
                </a:lnTo>
                <a:close/>
              </a:path>
            </a:pathLst>
          </a:custGeom>
        </p:spPr>
        <p:txBody>
          <a:bodyPr wrap="square" tIns="0" anchor="t" anchorCtr="0">
            <a:noAutofit/>
          </a:bodyPr>
          <a:lstStyle>
            <a:lvl1pPr marL="0" indent="0" algn="l">
              <a:buNone/>
              <a:defRPr sz="1400">
                <a:solidFill>
                  <a:schemeClr val="tx2"/>
                </a:solidFill>
              </a:defRPr>
            </a:lvl1pPr>
          </a:lstStyle>
          <a:p>
            <a:r>
              <a:rPr lang="da-DK" noProof="0" dirty="0"/>
              <a:t>Klik på denne pladsholder og indsæt billede via Skyfish</a:t>
            </a:r>
          </a:p>
        </p:txBody>
      </p:sp>
      <p:sp>
        <p:nvSpPr>
          <p:cNvPr id="15" name="TextBox 14"/>
          <p:cNvSpPr txBox="1"/>
          <p:nvPr userDrawn="1"/>
        </p:nvSpPr>
        <p:spPr>
          <a:xfrm>
            <a:off x="-1" y="-300028"/>
            <a:ext cx="1188000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b="1" dirty="0"/>
              <a:t>Bemærk</a:t>
            </a:r>
            <a:r>
              <a:rPr lang="da-DK" sz="1200" dirty="0"/>
              <a:t>: På denne side kan billedet udskiftes.</a:t>
            </a:r>
          </a:p>
        </p:txBody>
      </p:sp>
    </p:spTree>
    <p:extLst>
      <p:ext uri="{BB962C8B-B14F-4D97-AF65-F5344CB8AC3E}">
        <p14:creationId xmlns:p14="http://schemas.microsoft.com/office/powerpoint/2010/main" val="35781583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9" Type="http://schemas.openxmlformats.org/officeDocument/2006/relationships/slideLayout" Target="../slideLayouts/slideLayout9.xml"/><Relationship Id="rId20" Type="http://schemas.openxmlformats.org/officeDocument/2006/relationships/slideLayout" Target="../slideLayouts/slideLayout20.xml"/><Relationship Id="rId21" Type="http://schemas.openxmlformats.org/officeDocument/2006/relationships/theme" Target="../theme/theme1.xml"/><Relationship Id="rId22" Type="http://schemas.openxmlformats.org/officeDocument/2006/relationships/image" Target="NULL"/><Relationship Id="rId10" Type="http://schemas.openxmlformats.org/officeDocument/2006/relationships/slideLayout" Target="../slideLayouts/slideLayout10.xml"/><Relationship Id="rId11" Type="http://schemas.openxmlformats.org/officeDocument/2006/relationships/slideLayout" Target="../slideLayouts/slideLayout11.xml"/><Relationship Id="rId12" Type="http://schemas.openxmlformats.org/officeDocument/2006/relationships/slideLayout" Target="../slideLayouts/slideLayout12.xml"/><Relationship Id="rId13" Type="http://schemas.openxmlformats.org/officeDocument/2006/relationships/slideLayout" Target="../slideLayouts/slideLayout13.xml"/><Relationship Id="rId14" Type="http://schemas.openxmlformats.org/officeDocument/2006/relationships/slideLayout" Target="../slideLayouts/slideLayout14.xml"/><Relationship Id="rId15" Type="http://schemas.openxmlformats.org/officeDocument/2006/relationships/slideLayout" Target="../slideLayouts/slideLayout15.xml"/><Relationship Id="rId16" Type="http://schemas.openxmlformats.org/officeDocument/2006/relationships/slideLayout" Target="../slideLayouts/slideLayout16.xml"/><Relationship Id="rId17" Type="http://schemas.openxmlformats.org/officeDocument/2006/relationships/slideLayout" Target="../slideLayouts/slideLayout17.xml"/><Relationship Id="rId18" Type="http://schemas.openxmlformats.org/officeDocument/2006/relationships/slideLayout" Target="../slideLayouts/slideLayout18.xml"/><Relationship Id="rId19" Type="http://schemas.openxmlformats.org/officeDocument/2006/relationships/slideLayout" Target="../slideLayouts/slideLayout19.xml"/><Relationship Id="rId1" Type="http://schemas.openxmlformats.org/officeDocument/2006/relationships/slideLayout" Target="../slideLayouts/slideLayout1.xml"/><Relationship Id="rId2" Type="http://schemas.openxmlformats.org/officeDocument/2006/relationships/slideLayout" Target="../slideLayouts/slideLayout2.xml"/><Relationship Id="rId3" Type="http://schemas.openxmlformats.org/officeDocument/2006/relationships/slideLayout" Target="../slideLayouts/slideLayout3.xml"/><Relationship Id="rId4" Type="http://schemas.openxmlformats.org/officeDocument/2006/relationships/slideLayout" Target="../slideLayouts/slideLayout4.xml"/><Relationship Id="rId5" Type="http://schemas.openxmlformats.org/officeDocument/2006/relationships/slideLayout" Target="../slideLayouts/slideLayout5.xml"/><Relationship Id="rId6" Type="http://schemas.openxmlformats.org/officeDocument/2006/relationships/slideLayout" Target="../slideLayouts/slideLayout6.xml"/><Relationship Id="rId7" Type="http://schemas.openxmlformats.org/officeDocument/2006/relationships/slideLayout" Target="../slideLayouts/slideLayout7.xml"/><Relationship Id="rId8" Type="http://schemas.openxmlformats.org/officeDocument/2006/relationships/slideLayout" Target="../slideLayouts/slideLayout8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756000" y="756000"/>
            <a:ext cx="8560800" cy="934890"/>
          </a:xfrm>
          <a:prstGeom prst="rect">
            <a:avLst/>
          </a:prstGeom>
        </p:spPr>
        <p:txBody>
          <a:bodyPr vert="horz" lIns="0" tIns="0" rIns="0" bIns="0" rtlCol="0" anchor="ctr" anchorCtr="0">
            <a:noAutofit/>
          </a:bodyPr>
          <a:lstStyle/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540801" y="1989056"/>
            <a:ext cx="7776000" cy="4112944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noProof="0" dirty="0"/>
              <a:t>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1343480" y="6528915"/>
            <a:ext cx="394920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400" b="1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7" name="Date Placeholder 3" hidden="1"/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">
                <a:noFill/>
              </a:defRPr>
            </a:lvl1pPr>
          </a:lstStyle>
          <a:p>
            <a:fld id="{D9FE36D3-6D8A-41B0-8F1B-2F75587B4040}" type="datetime2">
              <a:rPr lang="da-DK" smtClean="0"/>
              <a:t>22. november 2017</a:t>
            </a:fld>
            <a:endParaRPr lang="en-GB" dirty="0"/>
          </a:p>
        </p:txBody>
      </p:sp>
      <p:sp>
        <p:nvSpPr>
          <p:cNvPr id="18" name="Footer Placeholder 4" hidden="1"/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  <p:pic>
        <p:nvPicPr>
          <p:cNvPr id="9" name="Logo"/>
          <p:cNvPicPr>
            <a:picLocks noChangeAspect="1"/>
          </p:cNvPicPr>
          <p:nvPr userDrawn="1"/>
        </p:nvPicPr>
        <p:blipFill>
          <a:blip r:embed="rId2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809164" y="398179"/>
            <a:ext cx="1051200" cy="148556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724" r:id="rId2"/>
    <p:sldLayoutId id="2147483736" r:id="rId3"/>
    <p:sldLayoutId id="2147483658" r:id="rId4"/>
    <p:sldLayoutId id="2147483722" r:id="rId5"/>
    <p:sldLayoutId id="2147483721" r:id="rId6"/>
    <p:sldLayoutId id="2147483725" r:id="rId7"/>
    <p:sldLayoutId id="2147483726" r:id="rId8"/>
    <p:sldLayoutId id="2147483728" r:id="rId9"/>
    <p:sldLayoutId id="2147483729" r:id="rId10"/>
    <p:sldLayoutId id="2147483731" r:id="rId11"/>
    <p:sldLayoutId id="2147483734" r:id="rId12"/>
    <p:sldLayoutId id="2147483727" r:id="rId13"/>
    <p:sldLayoutId id="2147483732" r:id="rId14"/>
    <p:sldLayoutId id="2147483735" r:id="rId15"/>
    <p:sldLayoutId id="2147483733" r:id="rId16"/>
    <p:sldLayoutId id="2147483652" r:id="rId17"/>
    <p:sldLayoutId id="2147483654" r:id="rId18"/>
    <p:sldLayoutId id="2147483655" r:id="rId19"/>
    <p:sldLayoutId id="2147483670" r:id="rId20"/>
  </p:sldLayoutIdLst>
  <p:hf hdr="0"/>
  <p:txStyles>
    <p:titleStyle>
      <a:lvl1pPr algn="l" defTabSz="914400" rtl="0" eaLnBrk="1" latinLnBrk="0" hangingPunct="1">
        <a:lnSpc>
          <a:spcPct val="88000"/>
        </a:lnSpc>
        <a:spcBef>
          <a:spcPct val="0"/>
        </a:spcBef>
        <a:buNone/>
        <a:defRPr lang="en-US" sz="3400" b="1" kern="1200" dirty="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16000" indent="-216000" algn="l" defTabSz="914400" rtl="0" eaLnBrk="1" latinLnBrk="0" hangingPunct="1">
        <a:lnSpc>
          <a:spcPct val="101000"/>
        </a:lnSpc>
        <a:spcBef>
          <a:spcPts val="0"/>
        </a:spcBef>
        <a:spcAft>
          <a:spcPts val="1400"/>
        </a:spcAft>
        <a:buClrTx/>
        <a:buSzPct val="90000"/>
        <a:buFont typeface="Wingdings 2" panose="05020102010507070707" pitchFamily="18" charset="2"/>
        <a:buChar char="¡"/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216000" algn="l" defTabSz="914400" rtl="0" eaLnBrk="1" latinLnBrk="0" hangingPunct="1">
        <a:lnSpc>
          <a:spcPct val="101000"/>
        </a:lnSpc>
        <a:spcBef>
          <a:spcPts val="0"/>
        </a:spcBef>
        <a:spcAft>
          <a:spcPts val="1400"/>
        </a:spcAft>
        <a:buClrTx/>
        <a:buSzPct val="90000"/>
        <a:buFont typeface="Wingdings 2" panose="05020102010507070707" pitchFamily="18" charset="2"/>
        <a:buChar char="¡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648000" indent="-216000" algn="l" defTabSz="914400" rtl="0" eaLnBrk="1" latinLnBrk="0" hangingPunct="1">
        <a:lnSpc>
          <a:spcPct val="101000"/>
        </a:lnSpc>
        <a:spcBef>
          <a:spcPts val="0"/>
        </a:spcBef>
        <a:spcAft>
          <a:spcPts val="1400"/>
        </a:spcAft>
        <a:buClrTx/>
        <a:buSzPct val="90000"/>
        <a:buFont typeface="Wingdings 2" panose="05020102010507070707" pitchFamily="18" charset="2"/>
        <a:buChar char="¡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864000" indent="-216000" algn="l" defTabSz="914400" rtl="0" eaLnBrk="1" latinLnBrk="0" hangingPunct="1">
        <a:lnSpc>
          <a:spcPct val="101000"/>
        </a:lnSpc>
        <a:spcBef>
          <a:spcPts val="0"/>
        </a:spcBef>
        <a:spcAft>
          <a:spcPts val="1400"/>
        </a:spcAft>
        <a:buClrTx/>
        <a:buSzPct val="90000"/>
        <a:buFont typeface="Wingdings 2" panose="05020102010507070707" pitchFamily="18" charset="2"/>
        <a:buChar char="¡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080000" indent="-216000" algn="l" defTabSz="914400" rtl="0" eaLnBrk="1" latinLnBrk="0" hangingPunct="1">
        <a:lnSpc>
          <a:spcPct val="101000"/>
        </a:lnSpc>
        <a:spcBef>
          <a:spcPts val="0"/>
        </a:spcBef>
        <a:spcAft>
          <a:spcPts val="1400"/>
        </a:spcAft>
        <a:buClrTx/>
        <a:buSzPct val="90000"/>
        <a:buFont typeface="Wingdings 2" panose="05020102010507070707" pitchFamily="18" charset="2"/>
        <a:buChar char="¡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1080000" indent="-216000" algn="l" defTabSz="914400" rtl="0" eaLnBrk="1" latinLnBrk="0" hangingPunct="1">
        <a:lnSpc>
          <a:spcPct val="101000"/>
        </a:lnSpc>
        <a:spcBef>
          <a:spcPts val="0"/>
        </a:spcBef>
        <a:spcAft>
          <a:spcPts val="1400"/>
        </a:spcAft>
        <a:buClrTx/>
        <a:buSzPct val="90000"/>
        <a:buFont typeface="Wingdings 2" panose="05020102010507070707" pitchFamily="18" charset="2"/>
        <a:buChar char="¡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1080000" indent="-216000" algn="l" defTabSz="914400" rtl="0" eaLnBrk="1" latinLnBrk="0" hangingPunct="1">
        <a:lnSpc>
          <a:spcPct val="101000"/>
        </a:lnSpc>
        <a:spcBef>
          <a:spcPts val="0"/>
        </a:spcBef>
        <a:spcAft>
          <a:spcPts val="1400"/>
        </a:spcAft>
        <a:buClrTx/>
        <a:buSzPct val="90000"/>
        <a:buFont typeface="Wingdings 2" panose="05020102010507070707" pitchFamily="18" charset="2"/>
        <a:buChar char="¡"/>
        <a:defRPr sz="180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1080000" indent="-216000" algn="l" defTabSz="914400" rtl="0" eaLnBrk="1" latinLnBrk="0" hangingPunct="1">
        <a:lnSpc>
          <a:spcPct val="101000"/>
        </a:lnSpc>
        <a:spcBef>
          <a:spcPts val="0"/>
        </a:spcBef>
        <a:spcAft>
          <a:spcPts val="1400"/>
        </a:spcAft>
        <a:buClrTx/>
        <a:buSzPct val="90000"/>
        <a:buFont typeface="Wingdings 2" panose="05020102010507070707" pitchFamily="18" charset="2"/>
        <a:buChar char="¡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1080000" indent="-216000" algn="l" defTabSz="914400" rtl="0" eaLnBrk="1" latinLnBrk="0" hangingPunct="1">
        <a:lnSpc>
          <a:spcPct val="101000"/>
        </a:lnSpc>
        <a:spcBef>
          <a:spcPts val="600"/>
        </a:spcBef>
        <a:spcAft>
          <a:spcPts val="1400"/>
        </a:spcAft>
        <a:buClrTx/>
        <a:buSzPct val="90000"/>
        <a:buFont typeface="Wingdings 2" panose="05020102010507070707" pitchFamily="18" charset="2"/>
        <a:buChar char="¡"/>
        <a:defRPr sz="1800" kern="12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pos="476" userDrawn="1">
          <p15:clr>
            <a:srgbClr val="F26B43"/>
          </p15:clr>
        </p15:guide>
        <p15:guide id="2" pos="5868" userDrawn="1">
          <p15:clr>
            <a:srgbClr val="F26B43"/>
          </p15:clr>
        </p15:guide>
        <p15:guide id="3" orient="horz" pos="476" userDrawn="1">
          <p15:clr>
            <a:srgbClr val="F26B43"/>
          </p15:clr>
        </p15:guide>
        <p15:guide id="4" orient="horz" pos="1065" userDrawn="1">
          <p15:clr>
            <a:srgbClr val="F26B43"/>
          </p15:clr>
        </p15:guide>
        <p15:guide id="5" pos="970" userDrawn="1">
          <p15:clr>
            <a:srgbClr val="F26B43"/>
          </p15:clr>
        </p15:guide>
        <p15:guide id="6" orient="horz" pos="1252" userDrawn="1">
          <p15:clr>
            <a:srgbClr val="F26B43"/>
          </p15:clr>
        </p15:guide>
        <p15:guide id="7" orient="horz" pos="3843" userDrawn="1">
          <p15:clr>
            <a:srgbClr val="F26B43"/>
          </p15:clr>
        </p15:guide>
        <p15:guide id="8" pos="6843" userDrawn="1">
          <p15:clr>
            <a:srgbClr val="000000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tags" Target="../tags/tag1.xml"/><Relationship Id="rId2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4" Type="http://schemas.openxmlformats.org/officeDocument/2006/relationships/image" Target="NULL"/><Relationship Id="rId1" Type="http://schemas.openxmlformats.org/officeDocument/2006/relationships/tags" Target="../tags/tag8.xml"/><Relationship Id="rId2" Type="http://schemas.openxmlformats.org/officeDocument/2006/relationships/slideLayout" Target="../slideLayouts/slideLayout6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Relationship Id="rId2" Type="http://schemas.openxmlformats.org/officeDocument/2006/relationships/notesSlide" Target="../notesSlides/notesSlide10.xml"/><Relationship Id="rId3" Type="http://schemas.openxmlformats.org/officeDocument/2006/relationships/image" Target="../media/image2.png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Relationship Id="rId2" Type="http://schemas.openxmlformats.org/officeDocument/2006/relationships/notesSlide" Target="../notesSlides/notesSlide11.xml"/><Relationship Id="rId3" Type="http://schemas.openxmlformats.org/officeDocument/2006/relationships/image" Target="NUL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g"/><Relationship Id="rId4" Type="http://schemas.openxmlformats.org/officeDocument/2006/relationships/image" Target="../media/image4.jpg"/><Relationship Id="rId1" Type="http://schemas.openxmlformats.org/officeDocument/2006/relationships/slideLayout" Target="../slideLayouts/slideLayout6.xml"/><Relationship Id="rId2" Type="http://schemas.openxmlformats.org/officeDocument/2006/relationships/notesSlide" Target="../notesSlides/notesSlide12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Relationship Id="rId2" Type="http://schemas.openxmlformats.org/officeDocument/2006/relationships/notesSlide" Target="../notesSlides/notesSlide13.xml"/><Relationship Id="rId3" Type="http://schemas.openxmlformats.org/officeDocument/2006/relationships/image" Target="NUL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tags" Target="../tags/tag9.xml"/><Relationship Id="rId2" Type="http://schemas.openxmlformats.org/officeDocument/2006/relationships/slideLayout" Target="../slideLayouts/slideLayout6.xml"/><Relationship Id="rId3" Type="http://schemas.openxmlformats.org/officeDocument/2006/relationships/hyperlink" Target="mailto:uffr@pha.dk" TargetMode="Externa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tags" Target="../tags/tag2.xml"/><Relationship Id="rId2" Type="http://schemas.openxmlformats.org/officeDocument/2006/relationships/slideLayout" Target="../slideLayouts/slideLayout6.xml"/><Relationship Id="rId3" Type="http://schemas.openxmlformats.org/officeDocument/2006/relationships/notesSlide" Target="../notesSlides/notesSlide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4" Type="http://schemas.openxmlformats.org/officeDocument/2006/relationships/image" Target="NULL"/><Relationship Id="rId1" Type="http://schemas.openxmlformats.org/officeDocument/2006/relationships/tags" Target="../tags/tag3.xml"/><Relationship Id="rId2" Type="http://schemas.openxmlformats.org/officeDocument/2006/relationships/slideLayout" Target="../slideLayouts/slideLayout6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4" Type="http://schemas.openxmlformats.org/officeDocument/2006/relationships/image" Target="../media/image1.jpg"/><Relationship Id="rId1" Type="http://schemas.openxmlformats.org/officeDocument/2006/relationships/tags" Target="../tags/tag4.xml"/><Relationship Id="rId2" Type="http://schemas.openxmlformats.org/officeDocument/2006/relationships/slideLayout" Target="../slideLayouts/slideLayout6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Relationship Id="rId2" Type="http://schemas.openxmlformats.org/officeDocument/2006/relationships/notesSlide" Target="../notesSlides/notesSlide4.xml"/><Relationship Id="rId3" Type="http://schemas.openxmlformats.org/officeDocument/2006/relationships/image" Target="NUL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4" Type="http://schemas.openxmlformats.org/officeDocument/2006/relationships/image" Target="NULL"/><Relationship Id="rId1" Type="http://schemas.openxmlformats.org/officeDocument/2006/relationships/tags" Target="../tags/tag5.xml"/><Relationship Id="rId2" Type="http://schemas.openxmlformats.org/officeDocument/2006/relationships/slideLayout" Target="../slideLayouts/slideLayout6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4" Type="http://schemas.openxmlformats.org/officeDocument/2006/relationships/image" Target="NULL"/><Relationship Id="rId1" Type="http://schemas.openxmlformats.org/officeDocument/2006/relationships/tags" Target="../tags/tag6.xml"/><Relationship Id="rId2" Type="http://schemas.openxmlformats.org/officeDocument/2006/relationships/slideLayout" Target="../slideLayouts/slideLayout6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4" Type="http://schemas.openxmlformats.org/officeDocument/2006/relationships/image" Target="NULL"/><Relationship Id="rId1" Type="http://schemas.openxmlformats.org/officeDocument/2006/relationships/tags" Target="../tags/tag7.xml"/><Relationship Id="rId2" Type="http://schemas.openxmlformats.org/officeDocument/2006/relationships/slideLayout" Target="../slideLayouts/slideLayout6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Relationship Id="rId2" Type="http://schemas.openxmlformats.org/officeDocument/2006/relationships/notesSlide" Target="../notesSlides/notesSlide8.xml"/><Relationship Id="rId3" Type="http://schemas.openxmlformats.org/officeDocument/2006/relationships/image" Target="NUL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8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 smtClean="0"/>
              <a:t>1000 videoer til </a:t>
            </a:r>
            <a:r>
              <a:rPr lang="da-DK" dirty="0" err="1" smtClean="0"/>
              <a:t>MOOCs</a:t>
            </a:r>
            <a:endParaRPr lang="da-DK" dirty="0"/>
          </a:p>
        </p:txBody>
      </p:sp>
      <p:sp>
        <p:nvSpPr>
          <p:cNvPr id="10" name="Subtitle 9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 smtClean="0"/>
              <a:t>Tips til videoproduktion i stor skala</a:t>
            </a:r>
            <a:endParaRPr lang="da-DK" dirty="0"/>
          </a:p>
        </p:txBody>
      </p:sp>
      <p:sp>
        <p:nvSpPr>
          <p:cNvPr id="13" name="Text Placeholder 12"/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r>
              <a:rPr lang="da-DK" dirty="0" smtClean="0"/>
              <a:t>Uffe Frandsen, Videojournalist</a:t>
            </a:r>
            <a:endParaRPr lang="da-DK" dirty="0"/>
          </a:p>
        </p:txBody>
      </p:sp>
      <p:sp>
        <p:nvSpPr>
          <p:cNvPr id="11" name="Picture Placeholder 10"/>
          <p:cNvSpPr>
            <a:spLocks noGrp="1"/>
          </p:cNvSpPr>
          <p:nvPr>
            <p:ph type="pic" sz="quarter" idx="13"/>
          </p:nvPr>
        </p:nvSpPr>
        <p:spPr/>
      </p:sp>
      <p:sp>
        <p:nvSpPr>
          <p:cNvPr id="12" name="Picture Placeholder 11"/>
          <p:cNvSpPr>
            <a:spLocks noGrp="1"/>
          </p:cNvSpPr>
          <p:nvPr>
            <p:ph type="pic" sz="quarter" idx="14"/>
          </p:nvPr>
        </p:nvSpPr>
        <p:spPr/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564B39A-844A-43C5-9F2D-26F589F9F649}" type="datetime2">
              <a:rPr lang="da-DK" smtClean="0"/>
              <a:pPr/>
              <a:t>22. november 2017</a:t>
            </a:fld>
            <a:endParaRPr lang="da-DK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824097480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da-DK" sz="4400" dirty="0" smtClean="0"/>
              <a:t>DIY og BYOD?</a:t>
            </a:r>
            <a:endParaRPr lang="da-DK" sz="4400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6A73BF-020B-417D-A09B-710E77019837}" type="datetime2">
              <a:rPr lang="da-DK" smtClean="0"/>
              <a:t>22. november 2017</a:t>
            </a:fld>
            <a:endParaRPr lang="da-DK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0</a:t>
            </a:fld>
            <a:endParaRPr lang="da-DK" dirty="0"/>
          </a:p>
        </p:txBody>
      </p:sp>
      <p:sp>
        <p:nvSpPr>
          <p:cNvPr id="10" name="Pladsholder til indhold 9"/>
          <p:cNvSpPr>
            <a:spLocks noGrp="1"/>
          </p:cNvSpPr>
          <p:nvPr>
            <p:ph sz="quarter" idx="17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14" name="Pladsholder til indhold 13"/>
          <p:cNvPicPr>
            <a:picLocks noGrp="1" noChangeAspect="1"/>
          </p:cNvPicPr>
          <p:nvPr>
            <p:ph idx="1"/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6000" y="1690890"/>
            <a:ext cx="8855833" cy="5006006"/>
          </a:xfr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014903650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Vejledninger er vigtige</a:t>
            </a:r>
            <a:endParaRPr lang="da-DK" dirty="0"/>
          </a:p>
        </p:txBody>
      </p:sp>
      <p:pic>
        <p:nvPicPr>
          <p:cNvPr id="8" name="Pladsholder til indhold 7"/>
          <p:cNvPicPr>
            <a:picLocks noGrp="1" noChangeAspect="1"/>
          </p:cNvPicPr>
          <p:nvPr>
            <p:ph idx="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71063" y="1989138"/>
            <a:ext cx="7316375" cy="4113212"/>
          </a:xfrm>
        </p:spPr>
      </p:pic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6A73BF-020B-417D-A09B-710E77019837}" type="datetime2">
              <a:rPr lang="da-DK" smtClean="0"/>
              <a:t>22. november 2017</a:t>
            </a:fld>
            <a:endParaRPr lang="da-DK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1</a:t>
            </a:fld>
            <a:endParaRPr lang="da-DK" dirty="0"/>
          </a:p>
        </p:txBody>
      </p:sp>
      <p:sp>
        <p:nvSpPr>
          <p:cNvPr id="7" name="Pladsholder til indhold 6"/>
          <p:cNvSpPr>
            <a:spLocks noGrp="1"/>
          </p:cNvSpPr>
          <p:nvPr>
            <p:ph sz="quarter" idx="17"/>
          </p:nvPr>
        </p:nvSpPr>
        <p:spPr/>
        <p:txBody>
          <a:bodyPr/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85588974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Aktiviteter til ideudvikling med medietyper?</a:t>
            </a:r>
            <a:endParaRPr lang="da-DK" dirty="0"/>
          </a:p>
        </p:txBody>
      </p:sp>
      <p:pic>
        <p:nvPicPr>
          <p:cNvPr id="8" name="Pladsholder til indhold 7"/>
          <p:cNvPicPr>
            <a:picLocks noGrp="1" noChangeAspect="1"/>
          </p:cNvPicPr>
          <p:nvPr>
            <p:ph idx="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61004" y="1848124"/>
            <a:ext cx="5418532" cy="4632568"/>
          </a:xfrm>
        </p:spPr>
      </p:pic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6A73BF-020B-417D-A09B-710E77019837}" type="datetime2">
              <a:rPr lang="da-DK" smtClean="0"/>
              <a:t>22. november 2017</a:t>
            </a:fld>
            <a:endParaRPr lang="da-DK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2</a:t>
            </a:fld>
            <a:endParaRPr lang="da-DK" dirty="0"/>
          </a:p>
        </p:txBody>
      </p:sp>
      <p:sp>
        <p:nvSpPr>
          <p:cNvPr id="7" name="Pladsholder til indhold 6"/>
          <p:cNvSpPr>
            <a:spLocks noGrp="1"/>
          </p:cNvSpPr>
          <p:nvPr>
            <p:ph sz="quarter" idx="17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0" name="Tekstfelt 9"/>
          <p:cNvSpPr txBox="1"/>
          <p:nvPr/>
        </p:nvSpPr>
        <p:spPr>
          <a:xfrm>
            <a:off x="6655981" y="2304590"/>
            <a:ext cx="4208819" cy="233910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2800" b="1" dirty="0" smtClean="0"/>
              <a:t>Video </a:t>
            </a:r>
            <a:r>
              <a:rPr lang="da-DK" sz="2800" b="1" dirty="0" err="1" smtClean="0"/>
              <a:t>Concept</a:t>
            </a:r>
            <a:r>
              <a:rPr lang="da-DK" sz="2800" b="1" dirty="0" smtClean="0"/>
              <a:t> Cards </a:t>
            </a:r>
          </a:p>
          <a:p>
            <a:endParaRPr lang="da-DK" sz="2800" dirty="0"/>
          </a:p>
          <a:p>
            <a:r>
              <a:rPr lang="da-DK" sz="2400" dirty="0" smtClean="0"/>
              <a:t>Udviklet </a:t>
            </a:r>
            <a:r>
              <a:rPr lang="da-DK" sz="2400" dirty="0" smtClean="0"/>
              <a:t>som en åben ressource af </a:t>
            </a:r>
            <a:r>
              <a:rPr lang="da-DK" sz="2400" dirty="0" smtClean="0"/>
              <a:t>E-læringskonsulent Anders Thiel og Videojournalist Uffe </a:t>
            </a:r>
            <a:r>
              <a:rPr lang="da-DK" sz="2400" dirty="0" smtClean="0"/>
              <a:t>Frandsen </a:t>
            </a:r>
            <a:endParaRPr lang="da-DK" sz="2400" dirty="0" smtClean="0"/>
          </a:p>
        </p:txBody>
      </p:sp>
    </p:spTree>
    <p:extLst>
      <p:ext uri="{BB962C8B-B14F-4D97-AF65-F5344CB8AC3E}">
        <p14:creationId xmlns:p14="http://schemas.microsoft.com/office/powerpoint/2010/main" val="2117436486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da-DK" sz="4000" dirty="0" smtClean="0"/>
              <a:t>Hvad er video i dag?</a:t>
            </a:r>
            <a:endParaRPr lang="da-DK" sz="4000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4400" dirty="0" smtClean="0"/>
              <a:t>Et ”gammelt” medie eller en essentiel visuel og digital kommunikationsform i nutiden?</a:t>
            </a:r>
            <a:endParaRPr lang="da-DK" sz="4400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6A73BF-020B-417D-A09B-710E77019837}" type="datetime2">
              <a:rPr lang="da-DK" smtClean="0"/>
              <a:t>22. november 2017</a:t>
            </a:fld>
            <a:endParaRPr lang="da-DK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3</a:t>
            </a:fld>
            <a:endParaRPr lang="da-DK" dirty="0"/>
          </a:p>
        </p:txBody>
      </p:sp>
      <p:pic>
        <p:nvPicPr>
          <p:cNvPr id="8" name="Pladsholder til indhold 7"/>
          <p:cNvPicPr>
            <a:picLocks noGrp="1" noChangeAspect="1"/>
          </p:cNvPicPr>
          <p:nvPr>
            <p:ph sz="quarter" idx="17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11194" y="4952268"/>
            <a:ext cx="3317607" cy="1585774"/>
          </a:xfrm>
        </p:spPr>
      </p:pic>
      <p:pic>
        <p:nvPicPr>
          <p:cNvPr id="9" name="Billede 8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09854" y="4871395"/>
            <a:ext cx="3700631" cy="174752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25402627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da-DK" dirty="0" smtClean="0"/>
              <a:t>10.000 </a:t>
            </a:r>
            <a:r>
              <a:rPr lang="da-DK" dirty="0" err="1" smtClean="0"/>
              <a:t>views</a:t>
            </a:r>
            <a:r>
              <a:rPr lang="da-DK" dirty="0" smtClean="0"/>
              <a:t> på </a:t>
            </a:r>
            <a:r>
              <a:rPr lang="da-DK" dirty="0" err="1" smtClean="0"/>
              <a:t>Youtube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6A73BF-020B-417D-A09B-710E77019837}" type="datetime2">
              <a:rPr lang="da-DK" smtClean="0"/>
              <a:t>22. november 2017</a:t>
            </a:fld>
            <a:endParaRPr lang="da-DK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4</a:t>
            </a:fld>
            <a:endParaRPr lang="da-DK" dirty="0"/>
          </a:p>
        </p:txBody>
      </p:sp>
      <p:sp>
        <p:nvSpPr>
          <p:cNvPr id="7" name="Pladsholder til indhold 6"/>
          <p:cNvSpPr>
            <a:spLocks noGrp="1"/>
          </p:cNvSpPr>
          <p:nvPr>
            <p:ph sz="quarter" idx="17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8" name="Pladsholder til indhold 11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23399" y="1989138"/>
            <a:ext cx="5811702" cy="4113212"/>
          </a:xfrm>
          <a:prstGeom prst="rect">
            <a:avLst/>
          </a:prstGeom>
        </p:spPr>
      </p:pic>
      <p:sp>
        <p:nvSpPr>
          <p:cNvPr id="9" name="Tekstfelt 8"/>
          <p:cNvSpPr txBox="1"/>
          <p:nvPr/>
        </p:nvSpPr>
        <p:spPr>
          <a:xfrm>
            <a:off x="1540801" y="6274302"/>
            <a:ext cx="7607921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dirty="0" smtClean="0"/>
              <a:t>Bettina Buch, Lektor i Center for Skole og Læring</a:t>
            </a:r>
            <a:endParaRPr lang="da-DK" sz="1200" dirty="0" smtClean="0"/>
          </a:p>
        </p:txBody>
      </p:sp>
    </p:spTree>
    <p:extLst>
      <p:ext uri="{BB962C8B-B14F-4D97-AF65-F5344CB8AC3E}">
        <p14:creationId xmlns:p14="http://schemas.microsoft.com/office/powerpoint/2010/main" val="1617983445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da-DK" sz="7200" dirty="0" smtClean="0"/>
              <a:t>Spørgsmål?</a:t>
            </a:r>
            <a:endParaRPr lang="da-DK" sz="720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148400" y="2148328"/>
            <a:ext cx="7776000" cy="4112944"/>
          </a:xfrm>
        </p:spPr>
        <p:txBody>
          <a:bodyPr/>
          <a:lstStyle/>
          <a:p>
            <a:pPr marL="0" marR="0" lvl="0" indent="0" algn="ctr" defTabSz="91440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4400" dirty="0" smtClean="0"/>
              <a:t>Uffe Frandsen</a:t>
            </a:r>
          </a:p>
          <a:p>
            <a:pPr marL="0" marR="0" lvl="0" indent="0" algn="ctr" defTabSz="91440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4400" dirty="0" smtClean="0">
                <a:hlinkClick r:id="rId3"/>
              </a:rPr>
              <a:t>uffr@pha.dk</a:t>
            </a:r>
            <a:endParaRPr lang="da-DK" sz="4400" dirty="0" smtClean="0"/>
          </a:p>
          <a:p>
            <a:pPr marL="0" marR="0" lvl="0" indent="0" algn="ctr" defTabSz="91440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4400" dirty="0" smtClean="0"/>
              <a:t>Twitter: @</a:t>
            </a:r>
            <a:r>
              <a:rPr lang="da-DK" sz="4400" dirty="0" err="1" smtClean="0"/>
              <a:t>u_frandsen</a:t>
            </a:r>
            <a:endParaRPr lang="da-DK" sz="4400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6A73BF-020B-417D-A09B-710E77019837}" type="datetime2">
              <a:rPr lang="da-DK" smtClean="0"/>
              <a:t>22. november 2017</a:t>
            </a:fld>
            <a:endParaRPr lang="da-DK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5</a:t>
            </a:fld>
            <a:endParaRPr lang="da-DK" dirty="0"/>
          </a:p>
        </p:txBody>
      </p:sp>
      <p:sp>
        <p:nvSpPr>
          <p:cNvPr id="7" name="Content Placeholder 6"/>
          <p:cNvSpPr>
            <a:spLocks noGrp="1"/>
          </p:cNvSpPr>
          <p:nvPr>
            <p:ph sz="quarter" idx="17"/>
          </p:nvPr>
        </p:nvSpPr>
        <p:spPr/>
        <p:txBody>
          <a:bodyPr/>
          <a:lstStyle/>
          <a:p>
            <a:endParaRPr lang="da-DK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81601600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da-DK" sz="5400" dirty="0" smtClean="0"/>
              <a:t>1000 videoer til </a:t>
            </a:r>
            <a:r>
              <a:rPr lang="da-DK" sz="5400" dirty="0" err="1" smtClean="0"/>
              <a:t>MOOCs</a:t>
            </a:r>
            <a:endParaRPr lang="da-DK" sz="540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 smtClean="0"/>
              <a:t>Læringsrum og video? Inspiration fra UCC</a:t>
            </a:r>
          </a:p>
          <a:p>
            <a:r>
              <a:rPr lang="da-DK" dirty="0" smtClean="0"/>
              <a:t>Hvorfor er det talende hoved så populært?</a:t>
            </a:r>
          </a:p>
          <a:p>
            <a:r>
              <a:rPr lang="da-DK" dirty="0" smtClean="0"/>
              <a:t>Eksempel på større produktion</a:t>
            </a:r>
            <a:endParaRPr lang="da-DK" dirty="0" smtClean="0"/>
          </a:p>
          <a:p>
            <a:r>
              <a:rPr lang="da-DK" dirty="0" smtClean="0"/>
              <a:t>Alternativer: DIY og BYOD</a:t>
            </a:r>
          </a:p>
          <a:p>
            <a:r>
              <a:rPr lang="da-DK" dirty="0" smtClean="0"/>
              <a:t>Aktiviteter til ideudvikling på brug af medietyper i undervisningen</a:t>
            </a:r>
            <a:r>
              <a:rPr lang="da-DK" dirty="0" smtClean="0"/>
              <a:t>?</a:t>
            </a:r>
          </a:p>
          <a:p>
            <a:r>
              <a:rPr lang="da-DK" dirty="0" smtClean="0"/>
              <a:t>Hvad er video i dag?</a:t>
            </a:r>
          </a:p>
          <a:p>
            <a:endParaRPr lang="da-DK" dirty="0" smtClean="0"/>
          </a:p>
          <a:p>
            <a:endParaRPr lang="da-DK" dirty="0" smtClean="0"/>
          </a:p>
          <a:p>
            <a:endParaRPr lang="da-DK" dirty="0" smtClean="0"/>
          </a:p>
          <a:p>
            <a:endParaRPr lang="da-DK" dirty="0" smtClean="0"/>
          </a:p>
          <a:p>
            <a:endParaRPr lang="da-DK" dirty="0" smtClean="0"/>
          </a:p>
          <a:p>
            <a:endParaRPr lang="da-DK" dirty="0" smtClean="0"/>
          </a:p>
          <a:p>
            <a:endParaRPr lang="da-DK" dirty="0"/>
          </a:p>
          <a:p>
            <a:endParaRPr lang="da-DK" dirty="0" smtClean="0"/>
          </a:p>
          <a:p>
            <a:endParaRPr lang="da-DK" dirty="0"/>
          </a:p>
          <a:p>
            <a:endParaRPr lang="da-DK" dirty="0" smtClean="0"/>
          </a:p>
          <a:p>
            <a:endParaRPr lang="da-DK" dirty="0" smtClean="0"/>
          </a:p>
          <a:p>
            <a:endParaRPr lang="da-DK" dirty="0" smtClean="0"/>
          </a:p>
          <a:p>
            <a:endParaRPr lang="da-DK" dirty="0" smtClean="0"/>
          </a:p>
          <a:p>
            <a:endParaRPr lang="da-DK" dirty="0" smtClean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6A73BF-020B-417D-A09B-710E77019837}" type="datetime2">
              <a:rPr lang="da-DK" smtClean="0"/>
              <a:t>22. november 2017</a:t>
            </a:fld>
            <a:endParaRPr lang="da-DK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2</a:t>
            </a:fld>
            <a:endParaRPr lang="da-DK" dirty="0"/>
          </a:p>
        </p:txBody>
      </p:sp>
      <p:sp>
        <p:nvSpPr>
          <p:cNvPr id="7" name="Content Placeholder 6"/>
          <p:cNvSpPr>
            <a:spLocks noGrp="1"/>
          </p:cNvSpPr>
          <p:nvPr>
            <p:ph sz="quarter" idx="17"/>
          </p:nvPr>
        </p:nvSpPr>
        <p:spPr/>
        <p:txBody>
          <a:bodyPr/>
          <a:lstStyle/>
          <a:p>
            <a:endParaRPr lang="da-DK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3380552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8" name="Pladsholder til indhold 7"/>
          <p:cNvPicPr>
            <a:picLocks noGrp="1" noChangeAspect="1"/>
          </p:cNvPicPr>
          <p:nvPr>
            <p:ph idx="1"/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22145"/>
            <a:ext cx="9114473" cy="6835855"/>
          </a:xfrm>
        </p:spPr>
      </p:pic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6A73BF-020B-417D-A09B-710E77019837}" type="datetime2">
              <a:rPr lang="da-DK" smtClean="0"/>
              <a:t>22. november 2017</a:t>
            </a:fld>
            <a:endParaRPr lang="da-DK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3</a:t>
            </a:fld>
            <a:endParaRPr lang="da-DK" dirty="0"/>
          </a:p>
        </p:txBody>
      </p:sp>
      <p:sp>
        <p:nvSpPr>
          <p:cNvPr id="7" name="Content Placeholder 6"/>
          <p:cNvSpPr>
            <a:spLocks noGrp="1"/>
          </p:cNvSpPr>
          <p:nvPr>
            <p:ph sz="quarter" idx="17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9" name="Tekstfelt 8"/>
          <p:cNvSpPr txBox="1"/>
          <p:nvPr/>
        </p:nvSpPr>
        <p:spPr>
          <a:xfrm>
            <a:off x="7056783" y="1928191"/>
            <a:ext cx="4286697" cy="61555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2000" dirty="0" smtClean="0"/>
              <a:t>Lånt med tilladelse fra Mette Rose Eriksen, UCC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5730575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da-DK" dirty="0" smtClean="0"/>
              <a:t>Men hvad så med video og undervisning? </a:t>
            </a:r>
            <a:endParaRPr lang="da-DK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6A73BF-020B-417D-A09B-710E77019837}" type="datetime2">
              <a:rPr lang="da-DK" smtClean="0"/>
              <a:t>22. november 2017</a:t>
            </a:fld>
            <a:endParaRPr lang="da-DK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4</a:t>
            </a:fld>
            <a:endParaRPr lang="da-DK" dirty="0"/>
          </a:p>
        </p:txBody>
      </p:sp>
      <p:sp>
        <p:nvSpPr>
          <p:cNvPr id="7" name="Content Placeholder 6"/>
          <p:cNvSpPr>
            <a:spLocks noGrp="1"/>
          </p:cNvSpPr>
          <p:nvPr>
            <p:ph sz="quarter" idx="17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12" name="Pladsholder til indhold 11"/>
          <p:cNvPicPr>
            <a:picLocks noGrp="1" noChangeAspect="1"/>
          </p:cNvPicPr>
          <p:nvPr>
            <p:ph idx="1"/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445418" y="1934911"/>
            <a:ext cx="6048292" cy="4539777"/>
          </a:xfr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9989096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De fleste </a:t>
            </a:r>
            <a:r>
              <a:rPr lang="da-DK" dirty="0"/>
              <a:t>v</a:t>
            </a:r>
            <a:r>
              <a:rPr lang="da-DK" dirty="0" smtClean="0"/>
              <a:t>ideoer </a:t>
            </a:r>
            <a:r>
              <a:rPr lang="da-DK" dirty="0" smtClean="0"/>
              <a:t>produceret i </a:t>
            </a:r>
            <a:r>
              <a:rPr lang="da-DK" dirty="0" smtClean="0"/>
              <a:t>studiet: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6A73BF-020B-417D-A09B-710E77019837}" type="datetime2">
              <a:rPr lang="da-DK" smtClean="0"/>
              <a:t>23. november 2017</a:t>
            </a:fld>
            <a:endParaRPr lang="da-DK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5</a:t>
            </a:fld>
            <a:endParaRPr lang="da-DK" dirty="0"/>
          </a:p>
        </p:txBody>
      </p:sp>
      <p:sp>
        <p:nvSpPr>
          <p:cNvPr id="7" name="Pladsholder til indhold 6"/>
          <p:cNvSpPr>
            <a:spLocks noGrp="1"/>
          </p:cNvSpPr>
          <p:nvPr>
            <p:ph sz="quarter" idx="17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9" name="Pladsholder til indhold 7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7096" y="1910773"/>
            <a:ext cx="5644597" cy="3179210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pic>
        <p:nvPicPr>
          <p:cNvPr id="8" name="Pladsholder til indhold 8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46372" y="2769178"/>
            <a:ext cx="6892028" cy="3630988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</p:spTree>
    <p:extLst>
      <p:ext uri="{BB962C8B-B14F-4D97-AF65-F5344CB8AC3E}">
        <p14:creationId xmlns:p14="http://schemas.microsoft.com/office/powerpoint/2010/main" val="124342709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Det talende hoved </a:t>
            </a:r>
            <a:r>
              <a:rPr lang="da-DK" smtClean="0"/>
              <a:t>vender tilbage</a:t>
            </a:r>
            <a:endParaRPr lang="da-DK" dirty="0"/>
          </a:p>
        </p:txBody>
      </p:sp>
      <p:pic>
        <p:nvPicPr>
          <p:cNvPr id="8" name="Pladsholder til indhold 7"/>
          <p:cNvPicPr>
            <a:picLocks noGrp="1" noChangeAspect="1"/>
          </p:cNvPicPr>
          <p:nvPr>
            <p:ph idx="1"/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37301" y="1929123"/>
            <a:ext cx="7583899" cy="4113212"/>
          </a:xfrm>
        </p:spPr>
      </p:pic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6A73BF-020B-417D-A09B-710E77019837}" type="datetime2">
              <a:rPr lang="da-DK" smtClean="0"/>
              <a:t>22. november 2017</a:t>
            </a:fld>
            <a:endParaRPr lang="da-DK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6</a:t>
            </a:fld>
            <a:endParaRPr lang="da-DK" dirty="0"/>
          </a:p>
        </p:txBody>
      </p:sp>
      <p:sp>
        <p:nvSpPr>
          <p:cNvPr id="10" name="Pladsholder til indhold 9"/>
          <p:cNvSpPr>
            <a:spLocks noGrp="1"/>
          </p:cNvSpPr>
          <p:nvPr>
            <p:ph sz="quarter" idx="17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2" name="Tekstfelt 11"/>
          <p:cNvSpPr txBox="1"/>
          <p:nvPr/>
        </p:nvSpPr>
        <p:spPr>
          <a:xfrm>
            <a:off x="382772" y="6196912"/>
            <a:ext cx="11355628" cy="43088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dirty="0" err="1" smtClean="0"/>
              <a:t>Reuteman</a:t>
            </a:r>
            <a:r>
              <a:rPr lang="da-DK" sz="1400" dirty="0" smtClean="0"/>
              <a:t>, Jeanine: Differences and </a:t>
            </a:r>
            <a:r>
              <a:rPr lang="da-DK" sz="1400" dirty="0" err="1" smtClean="0"/>
              <a:t>commonalities</a:t>
            </a:r>
            <a:r>
              <a:rPr lang="da-DK" sz="1400" dirty="0" smtClean="0"/>
              <a:t> – A </a:t>
            </a:r>
            <a:r>
              <a:rPr lang="da-DK" sz="1400" dirty="0" err="1" smtClean="0"/>
              <a:t>comparative</a:t>
            </a:r>
            <a:r>
              <a:rPr lang="da-DK" sz="1400" dirty="0" smtClean="0"/>
              <a:t> </a:t>
            </a:r>
            <a:r>
              <a:rPr lang="da-DK" sz="1400" dirty="0" err="1" smtClean="0"/>
              <a:t>report</a:t>
            </a:r>
            <a:r>
              <a:rPr lang="da-DK" sz="1400" dirty="0" smtClean="0"/>
              <a:t> of video </a:t>
            </a:r>
            <a:r>
              <a:rPr lang="da-DK" sz="1400" dirty="0" err="1" smtClean="0"/>
              <a:t>styles</a:t>
            </a:r>
            <a:r>
              <a:rPr lang="da-DK" sz="1400" dirty="0" smtClean="0"/>
              <a:t> and </a:t>
            </a:r>
            <a:r>
              <a:rPr lang="da-DK" sz="1400" dirty="0" err="1" smtClean="0"/>
              <a:t>course</a:t>
            </a:r>
            <a:r>
              <a:rPr lang="da-DK" sz="1400" dirty="0" smtClean="0"/>
              <a:t> </a:t>
            </a:r>
            <a:r>
              <a:rPr lang="da-DK" sz="1400" dirty="0" err="1" smtClean="0"/>
              <a:t>descriptions</a:t>
            </a:r>
            <a:r>
              <a:rPr lang="da-DK" sz="1400" dirty="0" smtClean="0"/>
              <a:t> on </a:t>
            </a:r>
            <a:r>
              <a:rPr lang="da-DK" sz="1400" dirty="0" err="1" smtClean="0"/>
              <a:t>edX</a:t>
            </a:r>
            <a:r>
              <a:rPr lang="da-DK" sz="1400" dirty="0" smtClean="0"/>
              <a:t>, </a:t>
            </a:r>
            <a:r>
              <a:rPr lang="da-DK" sz="1400" dirty="0" err="1" smtClean="0"/>
              <a:t>Cousera</a:t>
            </a:r>
            <a:r>
              <a:rPr lang="da-DK" sz="1400" dirty="0" smtClean="0"/>
              <a:t>, </a:t>
            </a:r>
            <a:r>
              <a:rPr lang="da-DK" sz="1400" dirty="0" err="1" smtClean="0"/>
              <a:t>Futurelean</a:t>
            </a:r>
            <a:r>
              <a:rPr lang="da-DK" sz="1400" dirty="0" smtClean="0"/>
              <a:t> and </a:t>
            </a:r>
            <a:r>
              <a:rPr lang="da-DK" sz="1400" dirty="0" err="1" smtClean="0"/>
              <a:t>Iversity</a:t>
            </a:r>
            <a:r>
              <a:rPr lang="da-DK" sz="1400" dirty="0" smtClean="0"/>
              <a:t>, </a:t>
            </a:r>
            <a:r>
              <a:rPr lang="da-DK" sz="1400" dirty="0" err="1" smtClean="0"/>
              <a:t>Emoocs</a:t>
            </a:r>
            <a:r>
              <a:rPr lang="da-DK" sz="1400" dirty="0" smtClean="0"/>
              <a:t> </a:t>
            </a:r>
            <a:r>
              <a:rPr lang="da-DK" sz="1400" dirty="0" err="1" smtClean="0"/>
              <a:t>Coference</a:t>
            </a:r>
            <a:r>
              <a:rPr lang="da-DK" sz="1400" dirty="0" smtClean="0"/>
              <a:t> 2016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6727920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Og tager </a:t>
            </a:r>
            <a:r>
              <a:rPr lang="da-DK" dirty="0" err="1" smtClean="0"/>
              <a:t>Powerpointpræsentationen</a:t>
            </a:r>
            <a:r>
              <a:rPr lang="da-DK" dirty="0" smtClean="0"/>
              <a:t> med</a:t>
            </a:r>
            <a:endParaRPr lang="da-DK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6A73BF-020B-417D-A09B-710E77019837}" type="datetime2">
              <a:rPr lang="da-DK" smtClean="0"/>
              <a:t>22. november 2017</a:t>
            </a:fld>
            <a:endParaRPr lang="da-DK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7</a:t>
            </a:fld>
            <a:endParaRPr lang="da-DK" dirty="0"/>
          </a:p>
        </p:txBody>
      </p:sp>
      <p:sp>
        <p:nvSpPr>
          <p:cNvPr id="7" name="Content Placeholder 6"/>
          <p:cNvSpPr>
            <a:spLocks noGrp="1"/>
          </p:cNvSpPr>
          <p:nvPr>
            <p:ph sz="quarter" idx="17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8" name="Pladsholder til indhold 8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4026" y="1690890"/>
            <a:ext cx="9969550" cy="50372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13951777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da-DK" dirty="0" smtClean="0"/>
              <a:t>Ikke ”bare” optaget undervisning</a:t>
            </a:r>
            <a:endParaRPr lang="da-DK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6A73BF-020B-417D-A09B-710E77019837}" type="datetime2">
              <a:rPr lang="da-DK" smtClean="0"/>
              <a:t>22. november 2017</a:t>
            </a:fld>
            <a:endParaRPr lang="da-DK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8</a:t>
            </a:fld>
            <a:endParaRPr lang="da-DK" dirty="0"/>
          </a:p>
        </p:txBody>
      </p:sp>
      <p:sp>
        <p:nvSpPr>
          <p:cNvPr id="7" name="Content Placeholder 6"/>
          <p:cNvSpPr>
            <a:spLocks noGrp="1"/>
          </p:cNvSpPr>
          <p:nvPr>
            <p:ph sz="quarter" idx="17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1026" name="Picture 2" descr="https://lh3.googleusercontent.com/wYYl_j8sueGi3Jk809pzS7IlZQr2OiPZOxmXPLwdbBOXAdrI3d7Tk4hbqQFfSR0FhDntxYOJ2c7CyJ5Hva7SY3vjKG-wy_QPChiTwYX9Sy9Ba_-2T2iCEBsbRZYxT6L_7e2U7q0"/>
          <p:cNvPicPr>
            <a:picLocks noGrp="1" noChangeAspect="1" noChangeArrowheads="1"/>
          </p:cNvPicPr>
          <p:nvPr>
            <p:ph idx="1"/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294259" y="1979198"/>
            <a:ext cx="5484282" cy="41132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537150513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ladsholder til indhold 8"/>
          <p:cNvPicPr>
            <a:picLocks noGrp="1" noChangeAspect="1"/>
          </p:cNvPicPr>
          <p:nvPr>
            <p:ph sz="quarter" idx="17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21992" y="3023817"/>
            <a:ext cx="5959086" cy="3505098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da-DK" dirty="0" smtClean="0"/>
              <a:t>Eksempel på en større produktion</a:t>
            </a:r>
            <a:endParaRPr lang="da-DK" dirty="0"/>
          </a:p>
        </p:txBody>
      </p:sp>
      <p:pic>
        <p:nvPicPr>
          <p:cNvPr id="8" name="Pladsholder til indhold 7"/>
          <p:cNvPicPr>
            <a:picLocks noGrp="1" noChangeAspect="1"/>
          </p:cNvPicPr>
          <p:nvPr>
            <p:ph idx="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7023" y="1690890"/>
            <a:ext cx="6930810" cy="4113212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6A73BF-020B-417D-A09B-710E77019837}" type="datetime2">
              <a:rPr lang="da-DK" smtClean="0"/>
              <a:t>22. november 2017</a:t>
            </a:fld>
            <a:endParaRPr lang="da-DK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9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85399318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0368799967401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03687999830287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03687999830287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03687999830287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03687999830287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03687999830287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03687999830287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03687999830287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03687999830287"/>
</p:tagLst>
</file>

<file path=ppt/theme/theme1.xml><?xml version="1.0" encoding="utf-8"?>
<a:theme xmlns:a="http://schemas.openxmlformats.org/drawingml/2006/main" name="Professionshøjskolen Absalon">
  <a:themeElements>
    <a:clrScheme name="PHA">
      <a:dk1>
        <a:sysClr val="windowText" lastClr="000000"/>
      </a:dk1>
      <a:lt1>
        <a:sysClr val="window" lastClr="FFFFFF"/>
      </a:lt1>
      <a:dk2>
        <a:srgbClr val="404646"/>
      </a:dk2>
      <a:lt2>
        <a:srgbClr val="FFFFFF"/>
      </a:lt2>
      <a:accent1>
        <a:srgbClr val="D03635"/>
      </a:accent1>
      <a:accent2>
        <a:srgbClr val="383889"/>
      </a:accent2>
      <a:accent3>
        <a:srgbClr val="8ACBC1"/>
      </a:accent3>
      <a:accent4>
        <a:srgbClr val="863281"/>
      </a:accent4>
      <a:accent5>
        <a:srgbClr val="FFD85C"/>
      </a:accent5>
      <a:accent6>
        <a:srgbClr val="5BC5F2"/>
      </a:accent6>
      <a:hlink>
        <a:srgbClr val="D03635"/>
      </a:hlink>
      <a:folHlink>
        <a:srgbClr val="9C9C9C"/>
      </a:folHlink>
    </a:clrScheme>
    <a:fontScheme name="PHA">
      <a:majorFont>
        <a:latin typeface="Corbel"/>
        <a:ea typeface=""/>
        <a:cs typeface=""/>
      </a:majorFont>
      <a:minorFont>
        <a:latin typeface="Corbe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rtlCol="0" anchor="ctr"/>
      <a:lstStyle>
        <a:defPPr algn="ctr">
          <a:defRPr sz="2000" noProof="0"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3175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000"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BaseTemplate 16-9.potx" id="{2268602D-C640-4585-9043-06880A9F63F9}" vid="{223A70CD-4269-4FCB-A11B-9D1424B87D07}"/>
    </a:ext>
  </a:extLst>
</a:theme>
</file>

<file path=ppt/theme/theme2.xml><?xml version="1.0" encoding="utf-8"?>
<a:theme xmlns:a="http://schemas.openxmlformats.org/drawingml/2006/main" name="Office-tema">
  <a:themeElements>
    <a:clrScheme name="PHA">
      <a:dk1>
        <a:sysClr val="windowText" lastClr="000000"/>
      </a:dk1>
      <a:lt1>
        <a:sysClr val="window" lastClr="FFFFFF"/>
      </a:lt1>
      <a:dk2>
        <a:srgbClr val="404646"/>
      </a:dk2>
      <a:lt2>
        <a:srgbClr val="FFFFFF"/>
      </a:lt2>
      <a:accent1>
        <a:srgbClr val="D03635"/>
      </a:accent1>
      <a:accent2>
        <a:srgbClr val="383889"/>
      </a:accent2>
      <a:accent3>
        <a:srgbClr val="8ACBC1"/>
      </a:accent3>
      <a:accent4>
        <a:srgbClr val="863281"/>
      </a:accent4>
      <a:accent5>
        <a:srgbClr val="FFD85C"/>
      </a:accent5>
      <a:accent6>
        <a:srgbClr val="09A7F2"/>
      </a:accent6>
      <a:hlink>
        <a:srgbClr val="D03635"/>
      </a:hlink>
      <a:folHlink>
        <a:srgbClr val="9C9C9C"/>
      </a:folHlink>
    </a:clrScheme>
    <a:fontScheme name="PHA">
      <a:majorFont>
        <a:latin typeface="Corbel"/>
        <a:ea typeface=""/>
        <a:cs typeface=""/>
      </a:majorFont>
      <a:minorFont>
        <a:latin typeface="Corbe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BaseTemplate 16-9</Template>
  <TotalTime>0</TotalTime>
  <Words>648</Words>
  <Application>Microsoft Macintosh PowerPoint</Application>
  <PresentationFormat>Widescreen</PresentationFormat>
  <Paragraphs>136</Paragraphs>
  <Slides>15</Slides>
  <Notes>13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3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5</vt:i4>
      </vt:variant>
    </vt:vector>
  </HeadingPairs>
  <TitlesOfParts>
    <vt:vector size="19" baseType="lpstr">
      <vt:lpstr>Corbel</vt:lpstr>
      <vt:lpstr>Wingdings 2</vt:lpstr>
      <vt:lpstr>Arial</vt:lpstr>
      <vt:lpstr>Professionshøjskolen Absalon</vt:lpstr>
      <vt:lpstr>1000 videoer til MOOCs</vt:lpstr>
      <vt:lpstr>1000 videoer til MOOCs</vt:lpstr>
      <vt:lpstr>PowerPoint-præsentation</vt:lpstr>
      <vt:lpstr>Men hvad så med video og undervisning? </vt:lpstr>
      <vt:lpstr>De fleste videoer produceret i studiet:</vt:lpstr>
      <vt:lpstr>Det talende hoved vender tilbage</vt:lpstr>
      <vt:lpstr>Og tager Powerpointpræsentationen med</vt:lpstr>
      <vt:lpstr>Ikke ”bare” optaget undervisning</vt:lpstr>
      <vt:lpstr>Eksempel på en større produktion</vt:lpstr>
      <vt:lpstr>DIY og BYOD?</vt:lpstr>
      <vt:lpstr>Vejledninger er vigtige</vt:lpstr>
      <vt:lpstr>Aktiviteter til ideudvikling med medietyper?</vt:lpstr>
      <vt:lpstr>Hvad er video i dag?</vt:lpstr>
      <vt:lpstr>10.000 views på Youtube</vt:lpstr>
      <vt:lpstr>Spørgsmål?</vt:lpstr>
    </vt:vector>
  </TitlesOfParts>
  <LinksUpToDate>false</LinksUpToDate>
  <SharedDoc>false</SharedDoc>
  <HyperlinksChanged>false</HyperlinksChanged>
  <AppVersion>15.0029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7-06-12T07:31:15Z</dcterms:created>
  <dcterms:modified xsi:type="dcterms:W3CDTF">2017-11-23T08:08:1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www.skabelondesign.dk</vt:lpwstr>
  </property>
  <property fmtid="{D5CDD505-2E9C-101B-9397-08002B2CF9AE}" pid="3" name="CustomerId">
    <vt:lpwstr>pha</vt:lpwstr>
  </property>
  <property fmtid="{D5CDD505-2E9C-101B-9397-08002B2CF9AE}" pid="4" name="TemplateId">
    <vt:lpwstr>636331031522926081</vt:lpwstr>
  </property>
  <property fmtid="{D5CDD505-2E9C-101B-9397-08002B2CF9AE}" pid="5" name="UserProfileId">
    <vt:lpwstr>636455619190980019</vt:lpwstr>
  </property>
</Properties>
</file>